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mc:AlternateContent xmlns:mc="http://schemas.openxmlformats.org/markup-compatibility/2006">
    <mc:Choice Requires="x15">
      <x15ac:absPath xmlns:x15ac="http://schemas.microsoft.com/office/spreadsheetml/2010/11/ac" url="C:\Users\s12886\Desktop\HP\認可外保育\"/>
    </mc:Choice>
  </mc:AlternateContent>
  <bookViews>
    <workbookView xWindow="0" yWindow="0" windowWidth="15345" windowHeight="6765" tabRatio="798"/>
  </bookViews>
  <sheets>
    <sheet name="様式第１号－１（設置届）" sheetId="91" r:id="rId1"/>
  </sheets>
  <definedNames>
    <definedName name="_xlnm.Print_Area" localSheetId="0">'様式第１号－１（設置届）'!$A$1:$BN$370</definedName>
  </definedNames>
  <calcPr calcId="145621"/>
</workbook>
</file>

<file path=xl/sharedStrings.xml><?xml version="1.0" encoding="utf-8"?>
<sst xmlns="http://schemas.openxmlformats.org/spreadsheetml/2006/main" count="912" uniqueCount="413">
  <si>
    <t>常勤</t>
    <rPh sb="0" eb="2">
      <t>ジョウキン</t>
    </rPh>
    <phoneticPr fontId="1"/>
  </si>
  <si>
    <t>建物の構造</t>
    <rPh sb="0" eb="2">
      <t>タテモノ</t>
    </rPh>
    <rPh sb="3" eb="5">
      <t>コウゾウ</t>
    </rPh>
    <phoneticPr fontId="1"/>
  </si>
  <si>
    <t>年</t>
    <rPh sb="0" eb="1">
      <t>ネン</t>
    </rPh>
    <phoneticPr fontId="1"/>
  </si>
  <si>
    <t>月</t>
    <rPh sb="0" eb="1">
      <t>ツキ</t>
    </rPh>
    <phoneticPr fontId="1"/>
  </si>
  <si>
    <t>日現在</t>
    <rPh sb="0" eb="1">
      <t>ニチ</t>
    </rPh>
    <rPh sb="1" eb="3">
      <t>ゲンザイ</t>
    </rPh>
    <phoneticPr fontId="1"/>
  </si>
  <si>
    <t>　①事業所の名称</t>
    <phoneticPr fontId="1"/>
  </si>
  <si>
    <t>①</t>
    <phoneticPr fontId="1"/>
  </si>
  <si>
    <t>②</t>
    <phoneticPr fontId="1"/>
  </si>
  <si>
    <t>代表者名</t>
    <phoneticPr fontId="1"/>
  </si>
  <si>
    <t>管理者名</t>
    <phoneticPr fontId="1"/>
  </si>
  <si>
    <t>管理者住所</t>
    <phoneticPr fontId="1"/>
  </si>
  <si>
    <t>事業開始年月日</t>
    <phoneticPr fontId="1"/>
  </si>
  <si>
    <t>〒</t>
    <phoneticPr fontId="1"/>
  </si>
  <si>
    <t>Tel</t>
    <phoneticPr fontId="1"/>
  </si>
  <si>
    <t>最寄り駅</t>
    <rPh sb="0" eb="2">
      <t>モヨ</t>
    </rPh>
    <rPh sb="3" eb="4">
      <t>エキ</t>
    </rPh>
    <phoneticPr fontId="1"/>
  </si>
  <si>
    <t>線</t>
    <rPh sb="0" eb="1">
      <t>セン</t>
    </rPh>
    <phoneticPr fontId="1"/>
  </si>
  <si>
    <t>バス</t>
    <phoneticPr fontId="1"/>
  </si>
  <si>
    <t>徒歩</t>
    <rPh sb="0" eb="2">
      <t>トホ</t>
    </rPh>
    <phoneticPr fontId="1"/>
  </si>
  <si>
    <t>駅</t>
    <rPh sb="0" eb="1">
      <t>エキ</t>
    </rPh>
    <phoneticPr fontId="1"/>
  </si>
  <si>
    <t>設置者名</t>
    <rPh sb="3" eb="4">
      <t>メイ</t>
    </rPh>
    <phoneticPr fontId="1"/>
  </si>
  <si>
    <t>（氏名）</t>
    <rPh sb="1" eb="3">
      <t>シメイ</t>
    </rPh>
    <phoneticPr fontId="1"/>
  </si>
  <si>
    <t>（職名）</t>
    <rPh sb="1" eb="3">
      <t>ショクメイ</t>
    </rPh>
    <phoneticPr fontId="1"/>
  </si>
  <si>
    <t>日</t>
    <rPh sb="0" eb="1">
      <t>ニチ</t>
    </rPh>
    <phoneticPr fontId="1"/>
  </si>
  <si>
    <t>有</t>
    <rPh sb="0" eb="1">
      <t>ア</t>
    </rPh>
    <phoneticPr fontId="1"/>
  </si>
  <si>
    <t>〔直営店・ＦＣ〕</t>
    <rPh sb="1" eb="4">
      <t>チョクエイテン</t>
    </rPh>
    <phoneticPr fontId="1"/>
  </si>
  <si>
    <t>無</t>
    <rPh sb="0" eb="1">
      <t>ナ</t>
    </rPh>
    <phoneticPr fontId="1"/>
  </si>
  <si>
    <t>）</t>
    <phoneticPr fontId="1"/>
  </si>
  <si>
    <t>平　日</t>
    <rPh sb="0" eb="1">
      <t>ヒラ</t>
    </rPh>
    <rPh sb="2" eb="3">
      <t>ヒ</t>
    </rPh>
    <phoneticPr fontId="1"/>
  </si>
  <si>
    <t>土曜日</t>
    <rPh sb="0" eb="3">
      <t>ドヨウビ</t>
    </rPh>
    <phoneticPr fontId="1"/>
  </si>
  <si>
    <t>日・祝祭日</t>
    <rPh sb="0" eb="1">
      <t>ニチ</t>
    </rPh>
    <rPh sb="2" eb="5">
      <t>シュクサイジツ</t>
    </rPh>
    <phoneticPr fontId="1"/>
  </si>
  <si>
    <t>：</t>
    <phoneticPr fontId="1"/>
  </si>
  <si>
    <t>～</t>
    <phoneticPr fontId="1"/>
  </si>
  <si>
    <t>備　考</t>
    <rPh sb="0" eb="1">
      <t>ビ</t>
    </rPh>
    <rPh sb="2" eb="3">
      <t>コウ</t>
    </rPh>
    <phoneticPr fontId="1"/>
  </si>
  <si>
    <t>一時預かり</t>
    <rPh sb="0" eb="2">
      <t>イチジ</t>
    </rPh>
    <rPh sb="2" eb="3">
      <t>アズ</t>
    </rPh>
    <phoneticPr fontId="1"/>
  </si>
  <si>
    <t>（</t>
    <phoneticPr fontId="1"/>
  </si>
  <si>
    <t>〃</t>
    <phoneticPr fontId="1"/>
  </si>
  <si>
    <t>歳</t>
    <rPh sb="0" eb="1">
      <t>サイ</t>
    </rPh>
    <phoneticPr fontId="1"/>
  </si>
  <si>
    <t>※1）</t>
    <phoneticPr fontId="1"/>
  </si>
  <si>
    <t>※2）</t>
    <phoneticPr fontId="1"/>
  </si>
  <si>
    <t>サービスの内容は、「記載上の注意」により分類すること。</t>
    <rPh sb="5" eb="7">
      <t>ナイヨウ</t>
    </rPh>
    <rPh sb="10" eb="12">
      <t>キサイ</t>
    </rPh>
    <rPh sb="12" eb="13">
      <t>ジョウ</t>
    </rPh>
    <rPh sb="14" eb="16">
      <t>チュウイ</t>
    </rPh>
    <rPh sb="20" eb="22">
      <t>ブンルイ</t>
    </rPh>
    <phoneticPr fontId="1"/>
  </si>
  <si>
    <t>円</t>
    <rPh sb="0" eb="1">
      <t>エン</t>
    </rPh>
    <phoneticPr fontId="1"/>
  </si>
  <si>
    <t>月極額</t>
    <rPh sb="0" eb="2">
      <t>ツキギメ</t>
    </rPh>
    <rPh sb="2" eb="3">
      <t>ガク</t>
    </rPh>
    <phoneticPr fontId="1"/>
  </si>
  <si>
    <t>（月）</t>
    <rPh sb="1" eb="2">
      <t>ツキ</t>
    </rPh>
    <phoneticPr fontId="1"/>
  </si>
  <si>
    <t>定期契約</t>
    <rPh sb="0" eb="2">
      <t>テイキ</t>
    </rPh>
    <rPh sb="2" eb="4">
      <t>ケイヤク</t>
    </rPh>
    <phoneticPr fontId="1"/>
  </si>
  <si>
    <t>単位（時間）</t>
    <rPh sb="0" eb="2">
      <t>タンイ</t>
    </rPh>
    <rPh sb="3" eb="5">
      <t>ジカン</t>
    </rPh>
    <phoneticPr fontId="1"/>
  </si>
  <si>
    <t>・食事代</t>
    <rPh sb="1" eb="4">
      <t>ショクジダイ</t>
    </rPh>
    <phoneticPr fontId="1"/>
  </si>
  <si>
    <t>・入会金</t>
    <rPh sb="1" eb="4">
      <t>ニュウカイキン</t>
    </rPh>
    <phoneticPr fontId="1"/>
  </si>
  <si>
    <t>・キャンセル料</t>
    <rPh sb="6" eb="7">
      <t>リョウ</t>
    </rPh>
    <phoneticPr fontId="1"/>
  </si>
  <si>
    <t>（</t>
    <phoneticPr fontId="1"/>
  </si>
  <si>
    <t>その他</t>
    <rPh sb="2" eb="3">
      <t>タ</t>
    </rPh>
    <phoneticPr fontId="1"/>
  </si>
  <si>
    <t>（対象年齢</t>
    <phoneticPr fontId="1"/>
  </si>
  <si>
    <t>歳）</t>
    <rPh sb="0" eb="1">
      <t>サイ</t>
    </rPh>
    <phoneticPr fontId="1"/>
  </si>
  <si>
    <t>０歳児</t>
    <rPh sb="1" eb="3">
      <t>サイジ</t>
    </rPh>
    <phoneticPr fontId="1"/>
  </si>
  <si>
    <t>１歳児</t>
    <rPh sb="1" eb="3">
      <t>サイジ</t>
    </rPh>
    <phoneticPr fontId="1"/>
  </si>
  <si>
    <t>２歳児</t>
    <rPh sb="1" eb="3">
      <t>サイジ</t>
    </rPh>
    <phoneticPr fontId="1"/>
  </si>
  <si>
    <t>３歳児</t>
    <rPh sb="1" eb="3">
      <t>サイジ</t>
    </rPh>
    <phoneticPr fontId="1"/>
  </si>
  <si>
    <t>計</t>
    <rPh sb="0" eb="1">
      <t>ケイ</t>
    </rPh>
    <phoneticPr fontId="1"/>
  </si>
  <si>
    <t>学童</t>
    <rPh sb="0" eb="2">
      <t>ガクドウ</t>
    </rPh>
    <phoneticPr fontId="1"/>
  </si>
  <si>
    <t>未加入</t>
    <rPh sb="0" eb="3">
      <t>ミカニュウ</t>
    </rPh>
    <phoneticPr fontId="1"/>
  </si>
  <si>
    <t>加　入</t>
    <rPh sb="0" eb="1">
      <t>カ</t>
    </rPh>
    <rPh sb="2" eb="3">
      <t>イ</t>
    </rPh>
    <phoneticPr fontId="1"/>
  </si>
  <si>
    <t>保険の種類</t>
    <rPh sb="0" eb="2">
      <t>ホケン</t>
    </rPh>
    <rPh sb="3" eb="5">
      <t>シュルイ</t>
    </rPh>
    <phoneticPr fontId="1"/>
  </si>
  <si>
    <t>保 険 事 故
（内　容）</t>
    <rPh sb="0" eb="1">
      <t>タモツ</t>
    </rPh>
    <rPh sb="2" eb="3">
      <t>ケン</t>
    </rPh>
    <rPh sb="4" eb="5">
      <t>コト</t>
    </rPh>
    <rPh sb="6" eb="7">
      <t>コ</t>
    </rPh>
    <rPh sb="9" eb="10">
      <t>ウチ</t>
    </rPh>
    <rPh sb="11" eb="12">
      <t>カタチ</t>
    </rPh>
    <phoneticPr fontId="1"/>
  </si>
  <si>
    <t>保 険 金 額</t>
    <rPh sb="0" eb="1">
      <t>タモツ</t>
    </rPh>
    <rPh sb="2" eb="3">
      <t>ケン</t>
    </rPh>
    <rPh sb="4" eb="5">
      <t>キン</t>
    </rPh>
    <rPh sb="6" eb="7">
      <t>ガク</t>
    </rPh>
    <phoneticPr fontId="1"/>
  </si>
  <si>
    <t>提携内容</t>
    <rPh sb="0" eb="2">
      <t>テイケイ</t>
    </rPh>
    <rPh sb="2" eb="4">
      <t>ナイヨウ</t>
    </rPh>
    <phoneticPr fontId="1"/>
  </si>
  <si>
    <t>電話番号</t>
    <rPh sb="0" eb="2">
      <t>デンワ</t>
    </rPh>
    <rPh sb="2" eb="4">
      <t>バンゴウ</t>
    </rPh>
    <phoneticPr fontId="1"/>
  </si>
  <si>
    <t>機 関 名</t>
    <rPh sb="0" eb="1">
      <t>キ</t>
    </rPh>
    <rPh sb="2" eb="3">
      <t>セキ</t>
    </rPh>
    <rPh sb="4" eb="5">
      <t>メイ</t>
    </rPh>
    <phoneticPr fontId="1"/>
  </si>
  <si>
    <t>所 在 地</t>
    <rPh sb="0" eb="1">
      <t>ショ</t>
    </rPh>
    <rPh sb="2" eb="3">
      <t>ザイ</t>
    </rPh>
    <rPh sb="4" eb="5">
      <t>チ</t>
    </rPh>
    <phoneticPr fontId="1"/>
  </si>
  <si>
    <t>日現在）</t>
    <rPh sb="0" eb="1">
      <t>ニチ</t>
    </rPh>
    <rPh sb="1" eb="3">
      <t>ゲンザイ</t>
    </rPh>
    <phoneticPr fontId="1"/>
  </si>
  <si>
    <t>人</t>
    <rPh sb="0" eb="1">
      <t>ヒト</t>
    </rPh>
    <phoneticPr fontId="1"/>
  </si>
  <si>
    <t>（</t>
    <phoneticPr fontId="1"/>
  </si>
  <si>
    <t>うち、研修受講の有無</t>
    <phoneticPr fontId="1"/>
  </si>
  <si>
    <t>子育て支援員研修</t>
    <phoneticPr fontId="1"/>
  </si>
  <si>
    <t>その他</t>
    <phoneticPr fontId="1"/>
  </si>
  <si>
    <t>記載上の注意</t>
    <phoneticPr fontId="1"/>
  </si>
  <si>
    <t>　設置者が法人、民間会社、任意団体等の場合は、その代表者の氏名及び職名を記入してください。</t>
    <phoneticPr fontId="1"/>
  </si>
  <si>
    <t>＜月極契約＞</t>
    <phoneticPr fontId="1"/>
  </si>
  <si>
    <t>＜定期契約＞</t>
    <phoneticPr fontId="1"/>
  </si>
  <si>
    <t>＜一時預かり＞</t>
    <phoneticPr fontId="1"/>
  </si>
  <si>
    <t>＜夜間保育＞</t>
    <phoneticPr fontId="1"/>
  </si>
  <si>
    <t>　午後８時を越えて保育を実施し、宿泊を伴わない保育サービスを提供するもの。</t>
    <phoneticPr fontId="1"/>
  </si>
  <si>
    <t>　提携医療機関については、具体的な提携内容を記入してください。</t>
    <phoneticPr fontId="1"/>
  </si>
  <si>
    <t>０歳児の場合は、月齢まで記入すること。</t>
    <rPh sb="1" eb="3">
      <t>サイジ</t>
    </rPh>
    <rPh sb="4" eb="6">
      <t>バアイ</t>
    </rPh>
    <rPh sb="8" eb="10">
      <t>ゲツレイ</t>
    </rPh>
    <rPh sb="12" eb="14">
      <t>キニュウ</t>
    </rPh>
    <phoneticPr fontId="1"/>
  </si>
  <si>
    <t>子どもの預かりサービスのマッチングサイトのＵＲＬ</t>
    <rPh sb="0" eb="1">
      <t>コ</t>
    </rPh>
    <rPh sb="4" eb="5">
      <t>アズ</t>
    </rPh>
    <phoneticPr fontId="1"/>
  </si>
  <si>
    <t>施設の名称</t>
    <rPh sb="0" eb="2">
      <t>シセツ</t>
    </rPh>
    <phoneticPr fontId="1"/>
  </si>
  <si>
    <t>施設の所在地</t>
    <rPh sb="0" eb="2">
      <t>シセツ</t>
    </rPh>
    <phoneticPr fontId="1"/>
  </si>
  <si>
    <t>系列施設</t>
    <rPh sb="2" eb="4">
      <t>シセツ</t>
    </rPh>
    <phoneticPr fontId="1"/>
  </si>
  <si>
    <t>（系列施設数</t>
    <rPh sb="1" eb="3">
      <t>ケイレツ</t>
    </rPh>
    <rPh sb="3" eb="5">
      <t>シセツ</t>
    </rPh>
    <rPh sb="5" eb="6">
      <t>スウ</t>
    </rPh>
    <phoneticPr fontId="1"/>
  </si>
  <si>
    <t>室　名</t>
    <rPh sb="0" eb="1">
      <t>シツ</t>
    </rPh>
    <rPh sb="2" eb="3">
      <t>メイ</t>
    </rPh>
    <phoneticPr fontId="1"/>
  </si>
  <si>
    <t>調理室</t>
    <rPh sb="0" eb="3">
      <t>チョウリシツ</t>
    </rPh>
    <phoneticPr fontId="1"/>
  </si>
  <si>
    <t>便　所</t>
    <rPh sb="0" eb="1">
      <t>ビン</t>
    </rPh>
    <rPh sb="2" eb="3">
      <t>ショ</t>
    </rPh>
    <phoneticPr fontId="1"/>
  </si>
  <si>
    <t>室　数</t>
    <rPh sb="0" eb="1">
      <t>シツ</t>
    </rPh>
    <rPh sb="2" eb="3">
      <t>スウ</t>
    </rPh>
    <phoneticPr fontId="1"/>
  </si>
  <si>
    <t>面　積</t>
    <rPh sb="0" eb="1">
      <t>メン</t>
    </rPh>
    <rPh sb="2" eb="3">
      <t>セキ</t>
    </rPh>
    <phoneticPr fontId="1"/>
  </si>
  <si>
    <t>室</t>
    <rPh sb="0" eb="1">
      <t>シツ</t>
    </rPh>
    <phoneticPr fontId="1"/>
  </si>
  <si>
    <t>㎡</t>
    <phoneticPr fontId="1"/>
  </si>
  <si>
    <t>便器</t>
    <rPh sb="0" eb="2">
      <t>ベンキ</t>
    </rPh>
    <phoneticPr fontId="1"/>
  </si>
  <si>
    <t>個</t>
    <rPh sb="0" eb="1">
      <t>コ</t>
    </rPh>
    <phoneticPr fontId="1"/>
  </si>
  <si>
    <t>階</t>
    <rPh sb="0" eb="1">
      <t>カイ</t>
    </rPh>
    <phoneticPr fontId="1"/>
  </si>
  <si>
    <t>建物の形態</t>
    <rPh sb="0" eb="2">
      <t>タテモノ</t>
    </rPh>
    <rPh sb="3" eb="5">
      <t>ケイタイ</t>
    </rPh>
    <phoneticPr fontId="1"/>
  </si>
  <si>
    <t>開所時間</t>
    <rPh sb="0" eb="4">
      <t>カイショジカン</t>
    </rPh>
    <phoneticPr fontId="1"/>
  </si>
  <si>
    <t>通常開所時間</t>
    <rPh sb="0" eb="2">
      <t>ツウジョウ</t>
    </rPh>
    <rPh sb="2" eb="4">
      <t>カイショ</t>
    </rPh>
    <rPh sb="4" eb="6">
      <t>ジカン</t>
    </rPh>
    <phoneticPr fontId="1"/>
  </si>
  <si>
    <t>時間外開所時間</t>
    <rPh sb="0" eb="3">
      <t>ジカンガイ</t>
    </rPh>
    <rPh sb="3" eb="5">
      <t>カイショ</t>
    </rPh>
    <rPh sb="5" eb="7">
      <t>ジカン</t>
    </rPh>
    <phoneticPr fontId="1"/>
  </si>
  <si>
    <t>午後10時～午前２時までにお迎え</t>
    <rPh sb="0" eb="2">
      <t>ゴゴ</t>
    </rPh>
    <rPh sb="4" eb="5">
      <t>ジ</t>
    </rPh>
    <rPh sb="6" eb="8">
      <t>ゴゼン</t>
    </rPh>
    <rPh sb="9" eb="10">
      <t>ジ</t>
    </rPh>
    <rPh sb="14" eb="15">
      <t>ムカ</t>
    </rPh>
    <phoneticPr fontId="1"/>
  </si>
  <si>
    <t>24時間</t>
    <rPh sb="2" eb="4">
      <t>ジカン</t>
    </rPh>
    <phoneticPr fontId="1"/>
  </si>
  <si>
    <t>昼　間</t>
    <rPh sb="0" eb="1">
      <t>ヒル</t>
    </rPh>
    <rPh sb="2" eb="3">
      <t>アイダ</t>
    </rPh>
    <phoneticPr fontId="1"/>
  </si>
  <si>
    <t>夜　間</t>
    <rPh sb="0" eb="1">
      <t>ヨル</t>
    </rPh>
    <rPh sb="2" eb="3">
      <t>アイダ</t>
    </rPh>
    <phoneticPr fontId="1"/>
  </si>
  <si>
    <t>深　夜</t>
    <rPh sb="0" eb="1">
      <t>フカシ</t>
    </rPh>
    <rPh sb="2" eb="3">
      <t>ヨル</t>
    </rPh>
    <phoneticPr fontId="1"/>
  </si>
  <si>
    <t>宿　泊</t>
    <rPh sb="0" eb="1">
      <t>ヤド</t>
    </rPh>
    <rPh sb="2" eb="3">
      <t>ハク</t>
    </rPh>
    <phoneticPr fontId="1"/>
  </si>
  <si>
    <t>午後８時までにお迎え</t>
    <rPh sb="0" eb="2">
      <t>ゴゴ</t>
    </rPh>
    <rPh sb="3" eb="4">
      <t>ジ</t>
    </rPh>
    <rPh sb="8" eb="9">
      <t>ムカ</t>
    </rPh>
    <phoneticPr fontId="1"/>
  </si>
  <si>
    <t>午後10時までにお迎え</t>
    <rPh sb="0" eb="2">
      <t>ゴゴ</t>
    </rPh>
    <rPh sb="4" eb="5">
      <t>ジ</t>
    </rPh>
    <rPh sb="9" eb="10">
      <t>ムカ</t>
    </rPh>
    <phoneticPr fontId="1"/>
  </si>
  <si>
    <t>午前２時～翌朝にお迎え</t>
    <rPh sb="0" eb="2">
      <t>ゴゼン</t>
    </rPh>
    <rPh sb="3" eb="4">
      <t>ジ</t>
    </rPh>
    <rPh sb="5" eb="7">
      <t>ヨクアサ</t>
    </rPh>
    <rPh sb="9" eb="10">
      <t>ムカ</t>
    </rPh>
    <phoneticPr fontId="1"/>
  </si>
  <si>
    <t>24時間お迎えなし</t>
    <rPh sb="2" eb="4">
      <t>ジカン</t>
    </rPh>
    <rPh sb="5" eb="6">
      <t>ムカ</t>
    </rPh>
    <phoneticPr fontId="1"/>
  </si>
  <si>
    <t>職名</t>
    <rPh sb="0" eb="2">
      <t>ショクメイ</t>
    </rPh>
    <phoneticPr fontId="1"/>
  </si>
  <si>
    <t>勤務
形態</t>
    <rPh sb="0" eb="2">
      <t>キンム</t>
    </rPh>
    <rPh sb="3" eb="5">
      <t>ケイタイ</t>
    </rPh>
    <phoneticPr fontId="1"/>
  </si>
  <si>
    <t>勤務
時間</t>
    <rPh sb="0" eb="2">
      <t>キンム</t>
    </rPh>
    <rPh sb="3" eb="5">
      <t>ジカン</t>
    </rPh>
    <phoneticPr fontId="1"/>
  </si>
  <si>
    <t>勤務時間帯</t>
    <rPh sb="0" eb="2">
      <t>キンム</t>
    </rPh>
    <rPh sb="2" eb="5">
      <t>ジカンタイ</t>
    </rPh>
    <phoneticPr fontId="1"/>
  </si>
  <si>
    <t>～８時</t>
    <rPh sb="2" eb="3">
      <t>ジ</t>
    </rPh>
    <phoneticPr fontId="1"/>
  </si>
  <si>
    <t>10時</t>
    <rPh sb="2" eb="3">
      <t>ジ</t>
    </rPh>
    <phoneticPr fontId="1"/>
  </si>
  <si>
    <t>12時</t>
    <rPh sb="2" eb="3">
      <t>ジ</t>
    </rPh>
    <phoneticPr fontId="1"/>
  </si>
  <si>
    <t>14時</t>
    <rPh sb="2" eb="3">
      <t>ジ</t>
    </rPh>
    <phoneticPr fontId="1"/>
  </si>
  <si>
    <t>16時</t>
    <rPh sb="2" eb="3">
      <t>ジ</t>
    </rPh>
    <phoneticPr fontId="1"/>
  </si>
  <si>
    <t>18時</t>
    <rPh sb="2" eb="3">
      <t>ジ</t>
    </rPh>
    <phoneticPr fontId="1"/>
  </si>
  <si>
    <t>20時</t>
    <rPh sb="2" eb="3">
      <t>ジ</t>
    </rPh>
    <phoneticPr fontId="1"/>
  </si>
  <si>
    <t>22時</t>
    <rPh sb="2" eb="3">
      <t>ジ</t>
    </rPh>
    <phoneticPr fontId="1"/>
  </si>
  <si>
    <t>24時</t>
    <rPh sb="2" eb="3">
      <t>ジ</t>
    </rPh>
    <phoneticPr fontId="1"/>
  </si>
  <si>
    <t>２時～</t>
    <rPh sb="1" eb="2">
      <t>ジ</t>
    </rPh>
    <phoneticPr fontId="1"/>
  </si>
  <si>
    <t>常　勤
・
非常勤</t>
    <rPh sb="0" eb="1">
      <t>ツネ</t>
    </rPh>
    <rPh sb="2" eb="3">
      <t>ツトム</t>
    </rPh>
    <rPh sb="6" eb="9">
      <t>ヒジョウキン</t>
    </rPh>
    <phoneticPr fontId="1"/>
  </si>
  <si>
    <r>
      <rPr>
        <sz val="9"/>
        <rFont val="ＭＳ 明朝"/>
        <family val="1"/>
        <charset val="128"/>
      </rPr>
      <t>（例）</t>
    </r>
    <r>
      <rPr>
        <sz val="10"/>
        <rFont val="ＭＳ 明朝"/>
        <family val="1"/>
        <charset val="128"/>
      </rPr>
      <t/>
    </r>
    <rPh sb="1" eb="2">
      <t>レイ</t>
    </rPh>
    <phoneticPr fontId="1"/>
  </si>
  <si>
    <t>保育従事者（保育士）</t>
    <phoneticPr fontId="1"/>
  </si>
  <si>
    <t>８時間</t>
    <rPh sb="1" eb="3">
      <t>ジカン</t>
    </rPh>
    <phoneticPr fontId="1"/>
  </si>
  <si>
    <t>常勤換算後の人数</t>
    <rPh sb="0" eb="2">
      <t>ジョウキン</t>
    </rPh>
    <rPh sb="2" eb="4">
      <t>カンサン</t>
    </rPh>
    <rPh sb="4" eb="5">
      <t>ゴ</t>
    </rPh>
    <rPh sb="6" eb="8">
      <t>ニンズウ</t>
    </rPh>
    <phoneticPr fontId="1"/>
  </si>
  <si>
    <t>総勤務時間</t>
    <rPh sb="0" eb="1">
      <t>ソウ</t>
    </rPh>
    <rPh sb="1" eb="3">
      <t>キンム</t>
    </rPh>
    <rPh sb="3" eb="5">
      <t>ジカン</t>
    </rPh>
    <phoneticPr fontId="1"/>
  </si>
  <si>
    <t>）時間</t>
    <rPh sb="1" eb="3">
      <t>ジカン</t>
    </rPh>
    <phoneticPr fontId="1"/>
  </si>
  <si>
    <t>÷</t>
    <phoneticPr fontId="1"/>
  </si>
  <si>
    <t>＝</t>
    <phoneticPr fontId="1"/>
  </si>
  <si>
    <t>）人</t>
    <rPh sb="1" eb="2">
      <t>ヒト</t>
    </rPh>
    <phoneticPr fontId="1"/>
  </si>
  <si>
    <t>＊</t>
    <phoneticPr fontId="1"/>
  </si>
  <si>
    <t>　系列施設数は、届出施設を含めた数を記入し、届出施設の所在する都道府県内にある系列施設数を内数として記入してください。</t>
    <rPh sb="3" eb="5">
      <t>シセツ</t>
    </rPh>
    <rPh sb="10" eb="12">
      <t>シセツ</t>
    </rPh>
    <rPh sb="24" eb="26">
      <t>シセツ</t>
    </rPh>
    <rPh sb="41" eb="43">
      <t>シセツ</t>
    </rPh>
    <phoneticPr fontId="1"/>
  </si>
  <si>
    <t xml:space="preserve"> 各サービスの定義は以下のとおりであり、貴施設において提供しているサービス全てを○で囲み（該当するものが無い場合は（　）内に記載し）、受入可能な児童の年齢（０歳児については月齢まで）について記入してください。</t>
    <rPh sb="21" eb="23">
      <t>シセツ</t>
    </rPh>
    <phoneticPr fontId="1"/>
  </si>
  <si>
    <t>　入所児童の保護者と月単位で保育日や保育時間を定めて契約し、月を通して継続的に保育サービスを提供するもの。</t>
    <rPh sb="1" eb="3">
      <t>ニュウショ</t>
    </rPh>
    <phoneticPr fontId="1"/>
  </si>
  <si>
    <t>　入所児童の保護者と日単位又は時間単位で定期的に契約し、継続的に保育サービスを提供するもの。（月極契約を除く。）</t>
    <rPh sb="1" eb="3">
      <t>ニュウショ</t>
    </rPh>
    <phoneticPr fontId="1"/>
  </si>
  <si>
    <t>　入所児童の保護者と日単位又は時間単位で不定期に契約し、保育サービスを提供するもの。</t>
    <rPh sb="1" eb="3">
      <t>ニュウショ</t>
    </rPh>
    <phoneticPr fontId="1"/>
  </si>
  <si>
    <t xml:space="preserve">  定員について特に定めがない場合には、貴施設において職員配置や設備の面を考慮して同時に保育を行うことが可能な人数を記入してください。</t>
    <rPh sb="21" eb="23">
      <t>シセツ</t>
    </rPh>
    <rPh sb="32" eb="34">
      <t>セツビ</t>
    </rPh>
    <rPh sb="35" eb="36">
      <t>メン</t>
    </rPh>
    <phoneticPr fontId="1"/>
  </si>
  <si>
    <t xml:space="preserve">  保険加入状況については、入所児童に関する保険に限定し、施設設備に対する火災保険等は含めないでください。なお、保険会社との契約書類を添付してください。</t>
    <rPh sb="14" eb="16">
      <t>ニュウショ</t>
    </rPh>
    <rPh sb="29" eb="31">
      <t>シセツ</t>
    </rPh>
    <phoneticPr fontId="1"/>
  </si>
  <si>
    <t>　管理者名は、施設長等貴施設における保育の実施責任者の氏名及び職名を記入してください。</t>
    <rPh sb="7" eb="9">
      <t>シセツ</t>
    </rPh>
    <rPh sb="12" eb="14">
      <t>シセツ</t>
    </rPh>
    <rPh sb="18" eb="20">
      <t>ホイク</t>
    </rPh>
    <rPh sb="21" eb="23">
      <t>ジッシ</t>
    </rPh>
    <phoneticPr fontId="1"/>
  </si>
  <si>
    <t xml:space="preserve"> 参加（研修名等：</t>
    <rPh sb="1" eb="3">
      <t>サンカ</t>
    </rPh>
    <rPh sb="4" eb="6">
      <t>ケンシュウ</t>
    </rPh>
    <rPh sb="6" eb="8">
      <t>メイトウ</t>
    </rPh>
    <phoneticPr fontId="1"/>
  </si>
  <si>
    <t>参加者数</t>
    <rPh sb="0" eb="4">
      <t>サンカシャスウ</t>
    </rPh>
    <phoneticPr fontId="1"/>
  </si>
  <si>
    <t>無</t>
    <rPh sb="0" eb="1">
      <t>ム</t>
    </rPh>
    <phoneticPr fontId="1"/>
  </si>
  <si>
    <t>名）</t>
    <rPh sb="0" eb="1">
      <t>メイ</t>
    </rPh>
    <phoneticPr fontId="1"/>
  </si>
  <si>
    <t xml:space="preserve"> 　　（研修名等：</t>
    <rPh sb="4" eb="6">
      <t>ケンシュウ</t>
    </rPh>
    <rPh sb="6" eb="8">
      <t>メイトウ</t>
    </rPh>
    <phoneticPr fontId="1"/>
  </si>
  <si>
    <t>設置主体</t>
    <rPh sb="0" eb="2">
      <t>セッチ</t>
    </rPh>
    <rPh sb="2" eb="4">
      <t>シュタイ</t>
    </rPh>
    <phoneticPr fontId="1"/>
  </si>
  <si>
    <t>立地場所</t>
    <rPh sb="0" eb="2">
      <t>リッチ</t>
    </rPh>
    <rPh sb="2" eb="4">
      <t>バショ</t>
    </rPh>
    <phoneticPr fontId="1"/>
  </si>
  <si>
    <t>専用設備</t>
    <rPh sb="0" eb="2">
      <t>センヨウ</t>
    </rPh>
    <rPh sb="2" eb="4">
      <t>セツビ</t>
    </rPh>
    <phoneticPr fontId="1"/>
  </si>
  <si>
    <t>ほふく室</t>
    <rPh sb="3" eb="4">
      <t>シツ</t>
    </rPh>
    <phoneticPr fontId="1"/>
  </si>
  <si>
    <t>保育室または遊戯室</t>
    <rPh sb="0" eb="3">
      <t>ホイクシツ</t>
    </rPh>
    <rPh sb="6" eb="9">
      <t>ユウギシツ</t>
    </rPh>
    <phoneticPr fontId="1"/>
  </si>
  <si>
    <t>利用料金設定状況</t>
    <rPh sb="0" eb="2">
      <t>リヨウ</t>
    </rPh>
    <rPh sb="2" eb="4">
      <t>リョウキン</t>
    </rPh>
    <rPh sb="4" eb="6">
      <t>セッテイ</t>
    </rPh>
    <rPh sb="6" eb="8">
      <t>ジョウキョウ</t>
    </rPh>
    <phoneticPr fontId="1"/>
  </si>
  <si>
    <t>嘱託医の有無</t>
    <rPh sb="0" eb="3">
      <t>ショクタクイ</t>
    </rPh>
    <rPh sb="4" eb="6">
      <t>ウム</t>
    </rPh>
    <phoneticPr fontId="1"/>
  </si>
  <si>
    <t>管理栄養士・栄養士の有無</t>
    <rPh sb="0" eb="2">
      <t>カンリ</t>
    </rPh>
    <rPh sb="2" eb="5">
      <t>エイヨウシ</t>
    </rPh>
    <rPh sb="6" eb="9">
      <t>エイヨウシ</t>
    </rPh>
    <rPh sb="10" eb="12">
      <t>ウム</t>
    </rPh>
    <phoneticPr fontId="1"/>
  </si>
  <si>
    <t>管理栄養士（</t>
    <rPh sb="0" eb="2">
      <t>カンリ</t>
    </rPh>
    <rPh sb="2" eb="5">
      <t>エイヨウシ</t>
    </rPh>
    <phoneticPr fontId="1"/>
  </si>
  <si>
    <t>人）</t>
    <rPh sb="0" eb="1">
      <t>ヒト</t>
    </rPh>
    <phoneticPr fontId="1"/>
  </si>
  <si>
    <t>栄養士（</t>
    <rPh sb="0" eb="3">
      <t>エイヨウシ</t>
    </rPh>
    <phoneticPr fontId="1"/>
  </si>
  <si>
    <t>【③】</t>
    <phoneticPr fontId="1"/>
  </si>
  <si>
    <t>③</t>
    <phoneticPr fontId="1"/>
  </si>
  <si>
    <t>⑤</t>
    <phoneticPr fontId="1"/>
  </si>
  <si>
    <t>⑥</t>
    <phoneticPr fontId="1"/>
  </si>
  <si>
    <t>⑦</t>
    <phoneticPr fontId="1"/>
  </si>
  <si>
    <t>⑧</t>
    <phoneticPr fontId="1"/>
  </si>
  <si>
    <t>⑨</t>
    <phoneticPr fontId="1"/>
  </si>
  <si>
    <t>⑩</t>
    <phoneticPr fontId="1"/>
  </si>
  <si>
    <t>⑬</t>
    <phoneticPr fontId="1"/>
  </si>
  <si>
    <t>⑭</t>
    <phoneticPr fontId="1"/>
  </si>
  <si>
    <t>⑮</t>
    <phoneticPr fontId="1"/>
  </si>
  <si>
    <t>利 用 料 金</t>
    <phoneticPr fontId="1"/>
  </si>
  <si>
    <t>⑰</t>
    <phoneticPr fontId="1"/>
  </si>
  <si>
    <t>届出年月日の前日において保育している児童の人数</t>
    <phoneticPr fontId="1"/>
  </si>
  <si>
    <t>【④】</t>
    <phoneticPr fontId="1"/>
  </si>
  <si>
    <t>【⑩】</t>
    <phoneticPr fontId="1"/>
  </si>
  <si>
    <t>【⑬】</t>
    <phoneticPr fontId="1"/>
  </si>
  <si>
    <t>次のうち当てはまるもの１つを○で囲んでください。
・個人……………個人が設置するもの。
・株式会社………株式会社が設置するもの。
・社会福祉法人…社会福祉法第22条で定義される法人が設置するもの。
・ＮＰＯ法人……特定非営利活動促進法に基づいて特定非営利活動を行うことを主たる目的とし、同法の定めるところにより設立された法人が設置するもの。
・その他法人……上記のいずれにも該当しない法人が設置するもの。（医療法人等、有限会社、商法に基づかない法人はここに入ります。）
・任意団体………保護者が共同で設置しているもの等、法人ではない団体。</t>
    <rPh sb="0" eb="1">
      <t>ツギ</t>
    </rPh>
    <rPh sb="4" eb="5">
      <t>ア</t>
    </rPh>
    <rPh sb="16" eb="17">
      <t>カコ</t>
    </rPh>
    <rPh sb="179" eb="181">
      <t>ジョウキ</t>
    </rPh>
    <phoneticPr fontId="1"/>
  </si>
  <si>
    <t>○建物の形態
　貴施設として利用されている建物の形態について、次のうち当てはまるもの１つを○で囲んでください。
・専用建物…………………保育専用に使用している一戸建て施設
・集合住宅…………………マンション等の一部を保育に使用している場合
・事務所ビル………………事務所が主なビルの一部を保育に使用している場合
・業務用ビル………………事務所ビル以外のビルの一部を保育に使用している場合
・その他……………………上記のいずれにも該当しないもの</t>
    <rPh sb="8" eb="9">
      <t>キ</t>
    </rPh>
    <rPh sb="31" eb="32">
      <t>ツギ</t>
    </rPh>
    <rPh sb="35" eb="36">
      <t>ア</t>
    </rPh>
    <rPh sb="206" eb="208">
      <t>ジョウキ</t>
    </rPh>
    <phoneticPr fontId="1"/>
  </si>
  <si>
    <t>○立地場所
　貴施設の立地場所について、次のうちあてはまるもの１つを○で囲んでください。
・住宅地……………………住宅が主となる場所
・オフィス街………………事務所や会社が建ち並んでいる場所
・商店街……………………商店が建ち並んでいる場所。駅建物内や駅前にある場合は「駅ビル・駅隣接」を○で囲んでください。
・工業地……………………工場が主となる場所
・駅ビル・駅隣接…………駅舎と一体となったビル、駅近隣となる場所（近隣の目安は駅から徒歩５分以内。）
・その他……………………上記のいずれにも該当しないもの</t>
    <rPh sb="7" eb="8">
      <t>キ</t>
    </rPh>
    <rPh sb="20" eb="21">
      <t>ツギ</t>
    </rPh>
    <rPh sb="240" eb="242">
      <t>ジョウキ</t>
    </rPh>
    <phoneticPr fontId="1"/>
  </si>
  <si>
    <t>【⑫】</t>
    <phoneticPr fontId="1"/>
  </si>
  <si>
    <t>【⑮】</t>
    <phoneticPr fontId="1"/>
  </si>
  <si>
    <t>【⑯】</t>
    <phoneticPr fontId="1"/>
  </si>
  <si>
    <t>【⑱】</t>
    <phoneticPr fontId="1"/>
  </si>
  <si>
    <t>職務に従事している職員の配置予定数（平均的な職員配置）</t>
    <rPh sb="0" eb="2">
      <t>ショクム</t>
    </rPh>
    <rPh sb="9" eb="11">
      <t>ショクイン</t>
    </rPh>
    <rPh sb="14" eb="16">
      <t>ヨテイ</t>
    </rPh>
    <rPh sb="18" eb="21">
      <t>ヘイキンテキ</t>
    </rPh>
    <rPh sb="22" eb="24">
      <t>ショクイン</t>
    </rPh>
    <rPh sb="24" eb="26">
      <t>ハイチ</t>
    </rPh>
    <phoneticPr fontId="1"/>
  </si>
  <si>
    <t>施設に在籍している保育従事者数</t>
    <rPh sb="0" eb="2">
      <t>シセツ</t>
    </rPh>
    <phoneticPr fontId="1"/>
  </si>
  <si>
    <t>保育の質の向上のための研修</t>
    <rPh sb="0" eb="2">
      <t>ホイク</t>
    </rPh>
    <rPh sb="3" eb="4">
      <t>シツ</t>
    </rPh>
    <rPh sb="5" eb="7">
      <t>コウジョウ</t>
    </rPh>
    <rPh sb="11" eb="13">
      <t>ケンシュウ</t>
    </rPh>
    <phoneticPr fontId="1"/>
  </si>
  <si>
    <t>４歳児</t>
    <rPh sb="1" eb="3">
      <t>サイジ</t>
    </rPh>
    <phoneticPr fontId="1"/>
  </si>
  <si>
    <t>５歳児</t>
    <rPh sb="1" eb="3">
      <t>サイジ</t>
    </rPh>
    <phoneticPr fontId="1"/>
  </si>
  <si>
    <t>６歳以上
（就学前）</t>
    <rPh sb="1" eb="2">
      <t>サイ</t>
    </rPh>
    <rPh sb="2" eb="4">
      <t>イジョウ</t>
    </rPh>
    <rPh sb="6" eb="9">
      <t>シュウガクマエ</t>
    </rPh>
    <phoneticPr fontId="1"/>
  </si>
  <si>
    <t>【⑦】</t>
    <phoneticPr fontId="1"/>
  </si>
  <si>
    <t>＜24時間保育＞</t>
    <phoneticPr fontId="1"/>
  </si>
  <si>
    <t>　24時間のいずれの時間帯でも保育サービスを提供するもの。</t>
    <phoneticPr fontId="1"/>
  </si>
  <si>
    <t>【⑲】</t>
    <phoneticPr fontId="1"/>
  </si>
  <si>
    <t>計</t>
    <rPh sb="0" eb="1">
      <t>ケイ</t>
    </rPh>
    <phoneticPr fontId="1"/>
  </si>
  <si>
    <t>学童</t>
    <rPh sb="0" eb="2">
      <t>ガクドウ</t>
    </rPh>
    <phoneticPr fontId="1"/>
  </si>
  <si>
    <t>６歳以上
(就学前)</t>
    <rPh sb="1" eb="4">
      <t>サイイジョウ</t>
    </rPh>
    <rPh sb="6" eb="9">
      <t>シュウガクマエ</t>
    </rPh>
    <phoneticPr fontId="1"/>
  </si>
  <si>
    <t>５歳児</t>
    <rPh sb="1" eb="3">
      <t>サイジ</t>
    </rPh>
    <phoneticPr fontId="1"/>
  </si>
  <si>
    <t>４歳児</t>
    <rPh sb="1" eb="3">
      <t>サイジ</t>
    </rPh>
    <phoneticPr fontId="1"/>
  </si>
  <si>
    <t>３歳児</t>
    <rPh sb="1" eb="3">
      <t>サイジ</t>
    </rPh>
    <phoneticPr fontId="1"/>
  </si>
  <si>
    <t>２歳児</t>
    <rPh sb="1" eb="3">
      <t>サイジ</t>
    </rPh>
    <phoneticPr fontId="1"/>
  </si>
  <si>
    <t>１歳児</t>
    <rPh sb="1" eb="3">
      <t>サイジ</t>
    </rPh>
    <phoneticPr fontId="1"/>
  </si>
  <si>
    <t>０歳児</t>
    <rPh sb="1" eb="3">
      <t>サイジ</t>
    </rPh>
    <phoneticPr fontId="1"/>
  </si>
  <si>
    <t>　利用料金の設定として、当てはまるもの全てを○で囲んでください。</t>
    <rPh sb="1" eb="3">
      <t>リヨウ</t>
    </rPh>
    <rPh sb="3" eb="5">
      <t>リョウキン</t>
    </rPh>
    <rPh sb="6" eb="8">
      <t>セッテイ</t>
    </rPh>
    <rPh sb="12" eb="13">
      <t>ア</t>
    </rPh>
    <rPh sb="19" eb="20">
      <t>スベ</t>
    </rPh>
    <rPh sb="24" eb="25">
      <t>カコ</t>
    </rPh>
    <phoneticPr fontId="1"/>
  </si>
  <si>
    <t>　管理栄養士と栄養士のそれぞれの人数を記入してください。０人の場合は、「０」と記入してください。</t>
    <rPh sb="19" eb="21">
      <t>キニュウ</t>
    </rPh>
    <rPh sb="39" eb="41">
      <t>キニュウ</t>
    </rPh>
    <phoneticPr fontId="1"/>
  </si>
  <si>
    <t>職員の研修等の参加状況</t>
    <phoneticPr fontId="1"/>
  </si>
  <si>
    <t>　子どもの預かりサービスのマッチングサイトを利用する施設においては、利用するマッチングサイトのＵＲＬを記入してください。ただし、施設自らのウェブサイトを利用して、保護者と施設とが相互に連絡する場合は除きます。</t>
    <rPh sb="1" eb="2">
      <t>コ</t>
    </rPh>
    <rPh sb="5" eb="6">
      <t>アズ</t>
    </rPh>
    <rPh sb="22" eb="24">
      <t>リヨウ</t>
    </rPh>
    <rPh sb="26" eb="28">
      <t>シセツ</t>
    </rPh>
    <rPh sb="34" eb="36">
      <t>リヨウ</t>
    </rPh>
    <rPh sb="51" eb="53">
      <t>キニュウ</t>
    </rPh>
    <rPh sb="64" eb="66">
      <t>シセツ</t>
    </rPh>
    <rPh sb="66" eb="67">
      <t>ミズカ</t>
    </rPh>
    <rPh sb="76" eb="78">
      <t>リヨウ</t>
    </rPh>
    <rPh sb="81" eb="84">
      <t>ホゴシャ</t>
    </rPh>
    <rPh sb="85" eb="87">
      <t>シセツ</t>
    </rPh>
    <rPh sb="89" eb="91">
      <t>ソウゴ</t>
    </rPh>
    <rPh sb="92" eb="94">
      <t>レンラク</t>
    </rPh>
    <rPh sb="96" eb="98">
      <t>バアイ</t>
    </rPh>
    <rPh sb="99" eb="100">
      <t>ノゾ</t>
    </rPh>
    <phoneticPr fontId="1"/>
  </si>
  <si>
    <t>㉖</t>
    <phoneticPr fontId="1"/>
  </si>
  <si>
    <t>（別紙（ただし、法第６条の３第11項の規定による業務を目的とする施設を除く。））</t>
    <rPh sb="8" eb="9">
      <t>ホウ</t>
    </rPh>
    <rPh sb="35" eb="36">
      <t>ノゾ</t>
    </rPh>
    <phoneticPr fontId="1"/>
  </si>
  <si>
    <t>６歳以上
（就学前）</t>
    <rPh sb="1" eb="4">
      <t>サイイジョウ</t>
    </rPh>
    <rPh sb="6" eb="9">
      <t>シュウガクマエ</t>
    </rPh>
    <phoneticPr fontId="1"/>
  </si>
  <si>
    <t>　届出年月日の前日現在の満年齢により、年齢別の児童数を記入してください。一時預かりの児童も含みます。一時預かりの児童数は（　）内に再掲してください。「学童」は届出年月日の前日にあずかった小学生以上の児童数を記入してください。</t>
    <rPh sb="1" eb="3">
      <t>トドケデ</t>
    </rPh>
    <rPh sb="3" eb="6">
      <t>ネンガッピ</t>
    </rPh>
    <rPh sb="7" eb="9">
      <t>ゼンジツ</t>
    </rPh>
    <phoneticPr fontId="1"/>
  </si>
  <si>
    <t>⑯</t>
    <phoneticPr fontId="1"/>
  </si>
  <si>
    <t>定員</t>
    <rPh sb="0" eb="2">
      <t>テイイン</t>
    </rPh>
    <phoneticPr fontId="1"/>
  </si>
  <si>
    <t>　保育に従事している職員のこれまでの研修の受講状況について記入してください。なお、施設長についても実際に保育に従事している場合は研修の受講状況について記入ください。
※１日に保育する乳幼児の数が５人以下の施設については必ず記入してください。</t>
    <rPh sb="1" eb="3">
      <t>ホイク</t>
    </rPh>
    <rPh sb="4" eb="6">
      <t>ジュウジ</t>
    </rPh>
    <rPh sb="10" eb="12">
      <t>ショクイン</t>
    </rPh>
    <rPh sb="18" eb="20">
      <t>ケンシュウ</t>
    </rPh>
    <rPh sb="21" eb="23">
      <t>ジュコウ</t>
    </rPh>
    <rPh sb="23" eb="25">
      <t>ジョウキョウ</t>
    </rPh>
    <rPh sb="29" eb="31">
      <t>キニュウ</t>
    </rPh>
    <rPh sb="64" eb="66">
      <t>ケンシュウ</t>
    </rPh>
    <rPh sb="67" eb="69">
      <t>ジュコウ</t>
    </rPh>
    <rPh sb="69" eb="71">
      <t>ジョウキョウ</t>
    </rPh>
    <rPh sb="75" eb="77">
      <t>キニュウ</t>
    </rPh>
    <rPh sb="85" eb="86">
      <t>ニチ</t>
    </rPh>
    <rPh sb="87" eb="89">
      <t>ホイク</t>
    </rPh>
    <rPh sb="91" eb="94">
      <t>ニュウヨウジ</t>
    </rPh>
    <rPh sb="95" eb="96">
      <t>カズ</t>
    </rPh>
    <rPh sb="98" eb="101">
      <t>ニンイカ</t>
    </rPh>
    <rPh sb="102" eb="104">
      <t>シセツ</t>
    </rPh>
    <rPh sb="109" eb="110">
      <t>カナラ</t>
    </rPh>
    <rPh sb="111" eb="113">
      <t>キニュウ</t>
    </rPh>
    <phoneticPr fontId="1"/>
  </si>
  <si>
    <t>　職務に従事する全ての職員（施設長、保育従事者、調理員、その他の職員）の研修等の直近３回の参加状況について記入してください。ただし、事業開始の日から届出年月日の前日までに参加した研修が３回以上の場合、その全てを記入してください。
※１日に保育する乳幼児の数が５人以下の施設については必ず記入してください。</t>
    <rPh sb="1" eb="3">
      <t>ショクム</t>
    </rPh>
    <rPh sb="4" eb="6">
      <t>ジュウジ</t>
    </rPh>
    <rPh sb="8" eb="9">
      <t>スベ</t>
    </rPh>
    <rPh sb="11" eb="13">
      <t>ショクイン</t>
    </rPh>
    <rPh sb="14" eb="17">
      <t>シセツチョウ</t>
    </rPh>
    <rPh sb="18" eb="20">
      <t>ホイク</t>
    </rPh>
    <rPh sb="20" eb="23">
      <t>ジュウジシャ</t>
    </rPh>
    <rPh sb="24" eb="27">
      <t>チョウリイン</t>
    </rPh>
    <rPh sb="30" eb="31">
      <t>タ</t>
    </rPh>
    <rPh sb="32" eb="34">
      <t>ショクイン</t>
    </rPh>
    <rPh sb="36" eb="38">
      <t>ケンシュウ</t>
    </rPh>
    <rPh sb="38" eb="39">
      <t>トウ</t>
    </rPh>
    <rPh sb="40" eb="42">
      <t>チョッキン</t>
    </rPh>
    <rPh sb="43" eb="44">
      <t>カイ</t>
    </rPh>
    <rPh sb="45" eb="47">
      <t>サンカ</t>
    </rPh>
    <rPh sb="47" eb="49">
      <t>ジョウキョウ</t>
    </rPh>
    <rPh sb="53" eb="55">
      <t>キニュウ</t>
    </rPh>
    <phoneticPr fontId="1"/>
  </si>
  <si>
    <t>研修の終了証の写し等の研修を受講したことや参加したことが分かる書類を添付すること。</t>
    <rPh sb="0" eb="2">
      <t>ケンシュウ</t>
    </rPh>
    <rPh sb="3" eb="5">
      <t>シュウリョウ</t>
    </rPh>
    <rPh sb="7" eb="8">
      <t>ウツ</t>
    </rPh>
    <rPh sb="9" eb="10">
      <t>ナド</t>
    </rPh>
    <rPh sb="11" eb="13">
      <t>ケンシュウ</t>
    </rPh>
    <rPh sb="14" eb="16">
      <t>ジュコウ</t>
    </rPh>
    <rPh sb="21" eb="23">
      <t>サンカ</t>
    </rPh>
    <rPh sb="28" eb="29">
      <t>ワ</t>
    </rPh>
    <rPh sb="31" eb="33">
      <t>ショルイ</t>
    </rPh>
    <rPh sb="34" eb="36">
      <t>テンプ</t>
    </rPh>
    <phoneticPr fontId="1"/>
  </si>
  <si>
    <t>Ａ 施設長</t>
    <rPh sb="2" eb="4">
      <t>シセツ</t>
    </rPh>
    <phoneticPr fontId="1"/>
  </si>
  <si>
    <t>資格の有無等</t>
    <rPh sb="0" eb="2">
      <t>シカク</t>
    </rPh>
    <rPh sb="3" eb="5">
      <t>ウム</t>
    </rPh>
    <rPh sb="5" eb="6">
      <t>トウ</t>
    </rPh>
    <phoneticPr fontId="1"/>
  </si>
  <si>
    <t>※上記（　）内には、１日の勤務延べ時間数を８で除した常勤換算後の人数を記載すること。</t>
    <rPh sb="1" eb="3">
      <t>ジョウキ</t>
    </rPh>
    <phoneticPr fontId="1"/>
  </si>
  <si>
    <t>非常勤</t>
    <rPh sb="0" eb="3">
      <t>ヒジョウキン</t>
    </rPh>
    <phoneticPr fontId="1"/>
  </si>
  <si>
    <t>・保育業務への従事</t>
    <phoneticPr fontId="1"/>
  </si>
  <si>
    <t>保育士</t>
    <rPh sb="0" eb="3">
      <t>ホイクシ</t>
    </rPh>
    <phoneticPr fontId="1"/>
  </si>
  <si>
    <t>看護師</t>
    <rPh sb="0" eb="3">
      <t>カンゴシ</t>
    </rPh>
    <phoneticPr fontId="1"/>
  </si>
  <si>
    <t>家庭的</t>
    <rPh sb="0" eb="3">
      <t>カテイテキ</t>
    </rPh>
    <phoneticPr fontId="1"/>
  </si>
  <si>
    <t>（</t>
    <phoneticPr fontId="1"/>
  </si>
  <si>
    <t>）</t>
    <phoneticPr fontId="1"/>
  </si>
  <si>
    <t>保育者</t>
    <rPh sb="0" eb="3">
      <t>ホイクシャ</t>
    </rPh>
    <phoneticPr fontId="1"/>
  </si>
  <si>
    <t>Ｂ 保育従事者（Ａを除く）</t>
    <phoneticPr fontId="1"/>
  </si>
  <si>
    <t>Ｃ その他職員（Ａ，Ｂを除く）</t>
    <phoneticPr fontId="1"/>
  </si>
  <si>
    <t>Ｄ合計（Ａ＋Ｂ＋Ｃ）</t>
    <phoneticPr fontId="1"/>
  </si>
  <si>
    <t>（</t>
    <phoneticPr fontId="1"/>
  </si>
  <si>
    <t>）</t>
    <phoneticPr fontId="1"/>
  </si>
  <si>
    <t>（</t>
    <phoneticPr fontId="1"/>
  </si>
  <si>
    <t>）</t>
    <phoneticPr fontId="1"/>
  </si>
  <si>
    <t>（</t>
    <phoneticPr fontId="1"/>
  </si>
  <si>
    <t>）</t>
    <phoneticPr fontId="1"/>
  </si>
  <si>
    <t xml:space="preserve">  職務に従事する全ての職員について配置予定数（貴施設における平均的職員配置数）を記入し、うち、実際保育に従事している職員については、勤務する時間帯を記入し、有資格者と有資格者以外に分けて、常勤換算（有資格者及び有資格者以外の職員別にそれぞれの勤務延べ時間数の合計を８時間で割ったもの）したものを記入してください。なお、施設長についても実際に保育に従事している場合はこれに含めてください。</t>
    <phoneticPr fontId="1"/>
  </si>
  <si>
    <t>調理員</t>
    <rPh sb="0" eb="2">
      <t>チョウリ</t>
    </rPh>
    <rPh sb="2" eb="3">
      <t>イン</t>
    </rPh>
    <phoneticPr fontId="1"/>
  </si>
  <si>
    <t>准看護師</t>
    <rPh sb="0" eb="4">
      <t>ジュンカンゴシ</t>
    </rPh>
    <phoneticPr fontId="1"/>
  </si>
  <si>
    <t>屋外遊戯場（園庭）</t>
    <rPh sb="0" eb="2">
      <t>オクガイ</t>
    </rPh>
    <rPh sb="2" eb="5">
      <t>ユウギジョウ</t>
    </rPh>
    <rPh sb="6" eb="8">
      <t>エンテイ</t>
    </rPh>
    <phoneticPr fontId="1"/>
  </si>
  <si>
    <t>無の場合の公園など付近で子どもを安全に遊ばせることが可能な場所</t>
    <rPh sb="5" eb="7">
      <t>コウエン</t>
    </rPh>
    <rPh sb="9" eb="11">
      <t>フキン</t>
    </rPh>
    <rPh sb="12" eb="13">
      <t>コ</t>
    </rPh>
    <rPh sb="16" eb="18">
      <t>アンゼン</t>
    </rPh>
    <rPh sb="19" eb="20">
      <t>アソ</t>
    </rPh>
    <rPh sb="26" eb="28">
      <t>カノウ</t>
    </rPh>
    <rPh sb="29" eb="31">
      <t>バショ</t>
    </rPh>
    <phoneticPr fontId="1"/>
  </si>
  <si>
    <t>→</t>
    <phoneticPr fontId="1"/>
  </si>
  <si>
    <t>保育室等</t>
    <rPh sb="0" eb="3">
      <t>ホイクシツ</t>
    </rPh>
    <rPh sb="3" eb="4">
      <t>トウ</t>
    </rPh>
    <phoneticPr fontId="1"/>
  </si>
  <si>
    <t>乳児室</t>
    <rPh sb="0" eb="2">
      <t>ニュウジ</t>
    </rPh>
    <rPh sb="2" eb="3">
      <t>シツ</t>
    </rPh>
    <phoneticPr fontId="1"/>
  </si>
  <si>
    <t>合　計</t>
    <rPh sb="0" eb="1">
      <t>ア</t>
    </rPh>
    <rPh sb="2" eb="3">
      <t>ケイ</t>
    </rPh>
    <phoneticPr fontId="1"/>
  </si>
  <si>
    <t>医務室</t>
    <rPh sb="0" eb="3">
      <t>イムシツ</t>
    </rPh>
    <phoneticPr fontId="1"/>
  </si>
  <si>
    <t>○屋外遊戯場（園庭）……園庭。付近の公園等共用の遊び場は含みません。</t>
    <phoneticPr fontId="1"/>
  </si>
  <si>
    <t>○専用設備
　貴施設において当てはまる専用設備全てを○で囲んでください。なお、○で囲んだ専用設備については、室数、面積等を整数（小数点以下四捨五入）で記入してください。乳児室、ほふく室、保育室または遊戯室の区分けなく１室で保育している場合、これらのいずれも○で囲まず、保育室等の欄に面積を整数（小数点以下四捨五入）で記入してください。
・乳児室……………………乳児（１歳に満たない児童）のための部屋
・ほふく室…………………はいはい（手足を使ってはい進む）するための部屋</t>
    <rPh sb="1" eb="3">
      <t>センヨウ</t>
    </rPh>
    <rPh sb="3" eb="5">
      <t>セツビ</t>
    </rPh>
    <rPh sb="7" eb="8">
      <t>キ</t>
    </rPh>
    <rPh sb="8" eb="10">
      <t>シセツ</t>
    </rPh>
    <rPh sb="14" eb="15">
      <t>ア</t>
    </rPh>
    <rPh sb="19" eb="21">
      <t>センヨウ</t>
    </rPh>
    <rPh sb="21" eb="23">
      <t>セツビ</t>
    </rPh>
    <rPh sb="23" eb="24">
      <t>スベ</t>
    </rPh>
    <rPh sb="28" eb="29">
      <t>カコ</t>
    </rPh>
    <rPh sb="41" eb="42">
      <t>カコ</t>
    </rPh>
    <rPh sb="44" eb="46">
      <t>センヨウ</t>
    </rPh>
    <rPh sb="46" eb="48">
      <t>セツビ</t>
    </rPh>
    <rPh sb="54" eb="56">
      <t>シツスウ</t>
    </rPh>
    <rPh sb="57" eb="59">
      <t>メンセキ</t>
    </rPh>
    <rPh sb="59" eb="60">
      <t>トウ</t>
    </rPh>
    <rPh sb="84" eb="86">
      <t>ニュウジ</t>
    </rPh>
    <rPh sb="86" eb="87">
      <t>シツ</t>
    </rPh>
    <rPh sb="91" eb="92">
      <t>シツ</t>
    </rPh>
    <rPh sb="93" eb="96">
      <t>ホイクシツ</t>
    </rPh>
    <rPh sb="99" eb="102">
      <t>ユウギシツ</t>
    </rPh>
    <rPh sb="103" eb="105">
      <t>クワ</t>
    </rPh>
    <rPh sb="109" eb="110">
      <t>シツ</t>
    </rPh>
    <rPh sb="111" eb="113">
      <t>ホイク</t>
    </rPh>
    <rPh sb="117" eb="119">
      <t>バアイ</t>
    </rPh>
    <rPh sb="130" eb="131">
      <t>カコ</t>
    </rPh>
    <rPh sb="134" eb="137">
      <t>ホイクシツ</t>
    </rPh>
    <rPh sb="137" eb="138">
      <t>トウ</t>
    </rPh>
    <rPh sb="139" eb="140">
      <t>ラン</t>
    </rPh>
    <rPh sb="141" eb="143">
      <t>メンセキ</t>
    </rPh>
    <rPh sb="144" eb="146">
      <t>セイスウ</t>
    </rPh>
    <phoneticPr fontId="1"/>
  </si>
  <si>
    <t>㉑</t>
    <phoneticPr fontId="1"/>
  </si>
  <si>
    <t>㉒</t>
    <phoneticPr fontId="1"/>
  </si>
  <si>
    <t>㉓</t>
    <phoneticPr fontId="1"/>
  </si>
  <si>
    <t>㉕</t>
    <phoneticPr fontId="1"/>
  </si>
  <si>
    <t>㉗</t>
    <phoneticPr fontId="1"/>
  </si>
  <si>
    <t>㉘</t>
    <phoneticPr fontId="1"/>
  </si>
  <si>
    <t>㉖、㉗については、１日に保育する乳幼児の数が５人以下の施設は必ず記入すること。</t>
    <rPh sb="10" eb="11">
      <t>ニチ</t>
    </rPh>
    <rPh sb="12" eb="14">
      <t>ホイク</t>
    </rPh>
    <rPh sb="16" eb="19">
      <t>ニュウヨウジ</t>
    </rPh>
    <rPh sb="20" eb="21">
      <t>カズ</t>
    </rPh>
    <rPh sb="23" eb="26">
      <t>ニンイカ</t>
    </rPh>
    <rPh sb="27" eb="29">
      <t>シセツ</t>
    </rPh>
    <rPh sb="30" eb="31">
      <t>カナラ</t>
    </rPh>
    <rPh sb="32" eb="34">
      <t>キニュウ</t>
    </rPh>
    <phoneticPr fontId="1"/>
  </si>
  <si>
    <t>【⑪】</t>
    <phoneticPr fontId="1"/>
  </si>
  <si>
    <t>【⑳～㉑】</t>
    <phoneticPr fontId="1"/>
  </si>
  <si>
    <t>【㉓】</t>
    <phoneticPr fontId="1"/>
  </si>
  <si>
    <t>【㉔～㉕】</t>
    <phoneticPr fontId="1"/>
  </si>
  <si>
    <t>【㉖】</t>
    <phoneticPr fontId="1"/>
  </si>
  <si>
    <t>【㉗】</t>
    <phoneticPr fontId="1"/>
  </si>
  <si>
    <t>【㉘】</t>
    <phoneticPr fontId="1"/>
  </si>
  <si>
    <t>当届出書に各保育従事者の勤務の体制がわかる勤務割表等を添付した場合は、職員別の勤務時間帯の記入は不要。ただし、常勤換算後の人数は必ず記入すること。</t>
    <phoneticPr fontId="1"/>
  </si>
  <si>
    <t>家庭的保育者等研修</t>
    <rPh sb="0" eb="3">
      <t>カテイテキ</t>
    </rPh>
    <rPh sb="3" eb="5">
      <t>ホイク</t>
    </rPh>
    <rPh sb="5" eb="7">
      <t>シャトウ</t>
    </rPh>
    <rPh sb="7" eb="9">
      <t>ケンシュウ</t>
    </rPh>
    <phoneticPr fontId="1"/>
  </si>
  <si>
    <t>マッチングサイトのページを印刷する等、マッチングサイトにより提供するサービスの内容に関する情報を伝達等していることが分かる書類を添付すること。</t>
    <rPh sb="13" eb="15">
      <t>インサツ</t>
    </rPh>
    <rPh sb="17" eb="18">
      <t>トウ</t>
    </rPh>
    <rPh sb="30" eb="32">
      <t>テイキョウ</t>
    </rPh>
    <rPh sb="39" eb="41">
      <t>ナイヨウ</t>
    </rPh>
    <rPh sb="42" eb="43">
      <t>カン</t>
    </rPh>
    <rPh sb="45" eb="47">
      <t>ジョウホウ</t>
    </rPh>
    <rPh sb="48" eb="50">
      <t>デンタツ</t>
    </rPh>
    <rPh sb="50" eb="51">
      <t>トウ</t>
    </rPh>
    <rPh sb="58" eb="59">
      <t>ワ</t>
    </rPh>
    <rPh sb="61" eb="63">
      <t>ショルイ</t>
    </rPh>
    <rPh sb="64" eb="66">
      <t>テンプ</t>
    </rPh>
    <phoneticPr fontId="1"/>
  </si>
  <si>
    <t>イ　ア以外の職員</t>
    <rPh sb="3" eb="5">
      <t>イガイ</t>
    </rPh>
    <rPh sb="6" eb="8">
      <t>ショクイン</t>
    </rPh>
    <phoneticPr fontId="1"/>
  </si>
  <si>
    <t>Fax</t>
    <phoneticPr fontId="1"/>
  </si>
  <si>
    <t>うち埼玉県内</t>
    <rPh sb="2" eb="4">
      <t>サイタマ</t>
    </rPh>
    <rPh sb="4" eb="6">
      <t>ケンナイ</t>
    </rPh>
    <rPh sb="5" eb="6">
      <t>ナイ</t>
    </rPh>
    <phoneticPr fontId="1"/>
  </si>
  <si>
    <t>※利用形態別・年齢別料金がわかる書類を添付すること。</t>
    <phoneticPr fontId="1"/>
  </si>
  <si>
    <t xml:space="preserve">  利用料金について利用形態別、年齢別に記入してください。なお、別途食事代、入会金、キャンセル料等が必要な場合にはその費用についても記入してください。利用形態別、年齢別に料金がわかる書類を添付してください。</t>
    <phoneticPr fontId="1"/>
  </si>
  <si>
    <t>④</t>
    <phoneticPr fontId="1"/>
  </si>
  <si>
    <t>⑫</t>
    <phoneticPr fontId="1"/>
  </si>
  <si>
    <t>⑳</t>
    <phoneticPr fontId="1"/>
  </si>
  <si>
    <t>【⑭】</t>
    <phoneticPr fontId="1"/>
  </si>
  <si>
    <t>【⑰】</t>
    <phoneticPr fontId="1"/>
  </si>
  <si>
    <t>所有区分</t>
    <phoneticPr fontId="1"/>
  </si>
  <si>
    <t>建築年月日</t>
    <phoneticPr fontId="1"/>
  </si>
  <si>
    <t>※　上段には、月極と一時預かりを含めた述べ児童数を記入してください。
　　下段の（　　　）内には、上段の児童数の内、一時預かりの児童数のみを記入してください。</t>
    <phoneticPr fontId="1"/>
  </si>
  <si>
    <t>有資格者（保育士又は看護師）については、保育士登録証の写し等の資格が確認できる書類を添付すること。</t>
    <rPh sb="8" eb="9">
      <t>マタ</t>
    </rPh>
    <phoneticPr fontId="1"/>
  </si>
  <si>
    <t>㉔</t>
    <phoneticPr fontId="1"/>
  </si>
  <si>
    <t>※保険契約書別添
※加入･未加入どちらかを○で囲む</t>
    <rPh sb="1" eb="3">
      <t>ホケン</t>
    </rPh>
    <rPh sb="3" eb="5">
      <t>ケイヤク</t>
    </rPh>
    <rPh sb="5" eb="6">
      <t>ショ</t>
    </rPh>
    <rPh sb="6" eb="8">
      <t>ベッテン</t>
    </rPh>
    <phoneticPr fontId="1"/>
  </si>
  <si>
    <t>歳）</t>
    <phoneticPr fontId="1"/>
  </si>
  <si>
    <t>階建の</t>
    <rPh sb="0" eb="1">
      <t>カイ</t>
    </rPh>
    <rPh sb="1" eb="2">
      <t>ダテ</t>
    </rPh>
    <phoneticPr fontId="1"/>
  </si>
  <si>
    <t>⑪　施 設　・　設 備</t>
    <rPh sb="2" eb="3">
      <t>シ</t>
    </rPh>
    <rPh sb="4" eb="5">
      <t>セツ</t>
    </rPh>
    <rPh sb="8" eb="9">
      <t>セツ</t>
    </rPh>
    <rPh sb="10" eb="11">
      <t>ソナエ</t>
    </rPh>
    <phoneticPr fontId="1"/>
  </si>
  <si>
    <t>⑱保険加入
状　況</t>
    <rPh sb="1" eb="3">
      <t>ホケン</t>
    </rPh>
    <rPh sb="3" eb="5">
      <t>カニュウ</t>
    </rPh>
    <rPh sb="6" eb="7">
      <t>ジョウ</t>
    </rPh>
    <rPh sb="8" eb="9">
      <t>キョウ</t>
    </rPh>
    <phoneticPr fontId="1"/>
  </si>
  <si>
    <t>⑳のうち、届出年月日の前日において保育に従事している者の配置数及び勤務の体制</t>
    <phoneticPr fontId="1"/>
  </si>
  <si>
    <t>ア　有資格者（保育士又は看護師の資格あり）</t>
    <rPh sb="10" eb="11">
      <t>マタ</t>
    </rPh>
    <phoneticPr fontId="1"/>
  </si>
  <si>
    <t>㉔のうち、保育に従事している者の配置数及び勤務体制の予定</t>
    <phoneticPr fontId="1"/>
  </si>
  <si>
    <t>○施設の平面図を添付してください。</t>
    <rPh sb="1" eb="3">
      <t>シセツ</t>
    </rPh>
    <rPh sb="4" eb="7">
      <t>ヘイメンズ</t>
    </rPh>
    <rPh sb="8" eb="10">
      <t>テンプ</t>
    </rPh>
    <phoneticPr fontId="1"/>
  </si>
  <si>
    <t xml:space="preserve">  24時間表示（00時00分～23時59分）で記入してください。24時間保育を実施している場合には、00時00分～00時00分と記入してください。なお、時間外開所時間は、通常の開所時間外で、利用者の希望に応じ、開所を行う場合にその時間を記入してください。</t>
    <rPh sb="35" eb="37">
      <t>ジカン</t>
    </rPh>
    <rPh sb="37" eb="39">
      <t>ホイク</t>
    </rPh>
    <rPh sb="40" eb="42">
      <t>ジッシ</t>
    </rPh>
    <rPh sb="46" eb="48">
      <t>バアイ</t>
    </rPh>
    <rPh sb="53" eb="54">
      <t>ジ</t>
    </rPh>
    <rPh sb="56" eb="57">
      <t>フン</t>
    </rPh>
    <rPh sb="60" eb="61">
      <t>ジ</t>
    </rPh>
    <rPh sb="63" eb="64">
      <t>フン</t>
    </rPh>
    <rPh sb="65" eb="67">
      <t>キニュウ</t>
    </rPh>
    <rPh sb="80" eb="82">
      <t>カイショ</t>
    </rPh>
    <rPh sb="89" eb="91">
      <t>カイショ</t>
    </rPh>
    <rPh sb="106" eb="108">
      <t>カイショ</t>
    </rPh>
    <phoneticPr fontId="1"/>
  </si>
  <si>
    <t xml:space="preserve">  届出年月日の前日において職務に従事している全ての職員について配置数を記入し、うち、実際保育に従事している職員については、勤務していた時間帯を記入し、有資格者と有資格者以外に分けて、常勤換算（有資格者及び有資格者以外の職員別にそれぞれの勤務延べ時間数の合計を８時間で割ったもの）したものを記入してください。なお、施設長についても実際に保育に従事している場合はこれに含めてください。
　有資格者（保育士又は看護師）については、保育士登録証の写し等、資格が確認できる書類を添付してください。
　なお、保育士登録をしていない場合は、有資格者とは認められないため、保育士登録をするよう指導してください。</t>
    <rPh sb="2" eb="4">
      <t>トドケデ</t>
    </rPh>
    <rPh sb="4" eb="7">
      <t>ネンガッピ</t>
    </rPh>
    <rPh sb="8" eb="10">
      <t>ゼンジツ</t>
    </rPh>
    <phoneticPr fontId="1"/>
  </si>
  <si>
    <t>（様式第１号－１（ただし、法第６条の３第11項の規定による業務を目的とする施設を除く。））</t>
    <phoneticPr fontId="1"/>
  </si>
  <si>
    <t>年</t>
    <rPh sb="0" eb="1">
      <t>ネン</t>
    </rPh>
    <phoneticPr fontId="1"/>
  </si>
  <si>
    <t>月</t>
    <rPh sb="0" eb="1">
      <t>ガツ</t>
    </rPh>
    <phoneticPr fontId="1"/>
  </si>
  <si>
    <t>日</t>
    <rPh sb="0" eb="1">
      <t>ニチ</t>
    </rPh>
    <phoneticPr fontId="1"/>
  </si>
  <si>
    <t>住　　所</t>
    <phoneticPr fontId="1"/>
  </si>
  <si>
    <t>氏　　名
(又は名称)</t>
    <phoneticPr fontId="1"/>
  </si>
  <si>
    <t>代 表 者</t>
    <phoneticPr fontId="1"/>
  </si>
  <si>
    <t>電　　話</t>
    <phoneticPr fontId="1"/>
  </si>
  <si>
    <t>（添付書類）</t>
    <phoneticPr fontId="1"/>
  </si>
  <si>
    <t>印</t>
    <rPh sb="0" eb="1">
      <t>イン</t>
    </rPh>
    <phoneticPr fontId="1"/>
  </si>
  <si>
    <t>（宛先）狭山市長</t>
    <rPh sb="1" eb="2">
      <t>アテ</t>
    </rPh>
    <rPh sb="2" eb="3">
      <t>サキ</t>
    </rPh>
    <rPh sb="4" eb="6">
      <t>サヤマ</t>
    </rPh>
    <rPh sb="6" eb="8">
      <t>シチョウ</t>
    </rPh>
    <phoneticPr fontId="1"/>
  </si>
  <si>
    <t>E-mail address</t>
    <phoneticPr fontId="1"/>
  </si>
  <si>
    <t>狭山市</t>
    <phoneticPr fontId="1"/>
  </si>
  <si>
    <t>〒</t>
    <phoneticPr fontId="1"/>
  </si>
  <si>
    <t>分</t>
    <phoneticPr fontId="1"/>
  </si>
  <si>
    <t>設置者住所</t>
    <phoneticPr fontId="1"/>
  </si>
  <si>
    <t>か所</t>
    <phoneticPr fontId="1"/>
  </si>
  <si>
    <t>㎡）</t>
    <phoneticPr fontId="1"/>
  </si>
  <si>
    <t>有 ・ 無</t>
    <rPh sb="0" eb="1">
      <t>ア</t>
    </rPh>
    <rPh sb="4" eb="5">
      <t>ナ</t>
    </rPh>
    <phoneticPr fontId="1"/>
  </si>
  <si>
    <t>自己所有</t>
    <phoneticPr fontId="1"/>
  </si>
  <si>
    <t>・</t>
    <phoneticPr fontId="1"/>
  </si>
  <si>
    <t>借用</t>
    <phoneticPr fontId="1"/>
  </si>
  <si>
    <t>（</t>
    <phoneticPr fontId="1"/>
  </si>
  <si>
    <t>円／月）</t>
    <phoneticPr fontId="1"/>
  </si>
  <si>
    <t>個人</t>
    <phoneticPr fontId="1"/>
  </si>
  <si>
    <t>株式会社</t>
    <phoneticPr fontId="1"/>
  </si>
  <si>
    <t>社会福祉法人</t>
    <phoneticPr fontId="1"/>
  </si>
  <si>
    <t>NPO法人</t>
    <phoneticPr fontId="1"/>
  </si>
  <si>
    <t>その他法人</t>
    <phoneticPr fontId="1"/>
  </si>
  <si>
    <t>任意団体</t>
    <phoneticPr fontId="1"/>
  </si>
  <si>
    <t>乳児室</t>
    <phoneticPr fontId="1"/>
  </si>
  <si>
    <t>ほふく室</t>
    <phoneticPr fontId="1"/>
  </si>
  <si>
    <t>保育室または遊戯室</t>
    <phoneticPr fontId="1"/>
  </si>
  <si>
    <t>調理室</t>
    <phoneticPr fontId="1"/>
  </si>
  <si>
    <t>医務室</t>
    <phoneticPr fontId="1"/>
  </si>
  <si>
    <t>児童用便所</t>
    <phoneticPr fontId="1"/>
  </si>
  <si>
    <t>鉄骨造</t>
    <phoneticPr fontId="1"/>
  </si>
  <si>
    <t>鉄筋コンクリート造</t>
    <phoneticPr fontId="1"/>
  </si>
  <si>
    <t>れん瓦造</t>
    <phoneticPr fontId="1"/>
  </si>
  <si>
    <t>木　造</t>
    <phoneticPr fontId="1"/>
  </si>
  <si>
    <t>その他</t>
    <phoneticPr fontId="1"/>
  </si>
  <si>
    <t>）</t>
    <phoneticPr fontId="1"/>
  </si>
  <si>
    <t>その他（</t>
    <phoneticPr fontId="1"/>
  </si>
  <si>
    <t>専用建物</t>
    <phoneticPr fontId="1"/>
  </si>
  <si>
    <t>集合住宅</t>
    <phoneticPr fontId="1"/>
  </si>
  <si>
    <t>事務所ビル</t>
    <phoneticPr fontId="1"/>
  </si>
  <si>
    <t>業務用ビル</t>
    <phoneticPr fontId="1"/>
  </si>
  <si>
    <t>）</t>
    <phoneticPr fontId="1"/>
  </si>
  <si>
    <t>有（</t>
    <phoneticPr fontId="1"/>
  </si>
  <si>
    <t>か所）</t>
    <phoneticPr fontId="1"/>
  </si>
  <si>
    <t>・</t>
    <phoneticPr fontId="1"/>
  </si>
  <si>
    <t>住宅地</t>
    <rPh sb="0" eb="3">
      <t>ジュウタクチ</t>
    </rPh>
    <phoneticPr fontId="1"/>
  </si>
  <si>
    <t>オフィス街</t>
    <phoneticPr fontId="1"/>
  </si>
  <si>
    <t>商店街</t>
    <phoneticPr fontId="1"/>
  </si>
  <si>
    <t>工業地</t>
    <phoneticPr fontId="1"/>
  </si>
  <si>
    <t>駅ビル・駅隣接</t>
    <phoneticPr fontId="1"/>
  </si>
  <si>
    <t>・月極契約</t>
    <phoneticPr fontId="1"/>
  </si>
  <si>
    <t>）</t>
    <phoneticPr fontId="1"/>
  </si>
  <si>
    <t>（</t>
    <phoneticPr fontId="1"/>
  </si>
  <si>
    <t>ヶ月～</t>
    <rPh sb="1" eb="2">
      <t>ゲツ</t>
    </rPh>
    <phoneticPr fontId="1"/>
  </si>
  <si>
    <t>・（</t>
    <phoneticPr fontId="1"/>
  </si>
  <si>
    <t>月単位</t>
    <rPh sb="0" eb="3">
      <t>ツキタンイ</t>
    </rPh>
    <phoneticPr fontId="1"/>
  </si>
  <si>
    <t>週単位</t>
    <phoneticPr fontId="1"/>
  </si>
  <si>
    <t>日単位</t>
    <phoneticPr fontId="1"/>
  </si>
  <si>
    <t>時間単位</t>
    <phoneticPr fontId="1"/>
  </si>
  <si>
    <t>日中・夜間別</t>
    <phoneticPr fontId="1"/>
  </si>
  <si>
    <t>所得別</t>
    <rPh sb="0" eb="3">
      <t>ショトクベツ</t>
    </rPh>
    <phoneticPr fontId="1"/>
  </si>
  <si>
    <t>設定なし</t>
    <phoneticPr fontId="1"/>
  </si>
  <si>
    <t>提供するサービス内容</t>
    <rPh sb="0" eb="2">
      <t>テイキョウ</t>
    </rPh>
    <rPh sb="8" eb="10">
      <t>ナイヨウ</t>
    </rPh>
    <phoneticPr fontId="1"/>
  </si>
  <si>
    <t>(</t>
    <phoneticPr fontId="1"/>
  </si>
  <si>
    <t>)</t>
    <phoneticPr fontId="1"/>
  </si>
  <si>
    <t>賠償責任保険</t>
    <phoneticPr fontId="1"/>
  </si>
  <si>
    <t>・</t>
    <phoneticPr fontId="1"/>
  </si>
  <si>
    <t>傷害保険</t>
    <phoneticPr fontId="1"/>
  </si>
  <si>
    <t>）</t>
    <phoneticPr fontId="1"/>
  </si>
  <si>
    <t>⑲</t>
    <phoneticPr fontId="1"/>
  </si>
  <si>
    <t>提携医療機関</t>
    <phoneticPr fontId="1"/>
  </si>
  <si>
    <t>届出年月日の前日において職務に従事している職員の配置数</t>
    <phoneticPr fontId="1"/>
  </si>
  <si>
    <t>年</t>
    <phoneticPr fontId="1"/>
  </si>
  <si>
    <t>月</t>
    <phoneticPr fontId="1"/>
  </si>
  <si>
    <t>日現在）</t>
    <phoneticPr fontId="1"/>
  </si>
  <si>
    <t>従事している</t>
  </si>
  <si>
    <t>従事していない</t>
  </si>
  <si>
    <t>・資格（従事している場合に記入）</t>
    <phoneticPr fontId="1"/>
  </si>
  <si>
    <t>保育士</t>
  </si>
  <si>
    <t>看護師</t>
  </si>
  <si>
    <t>准看護師</t>
  </si>
  <si>
    <t>その他</t>
    <phoneticPr fontId="1"/>
  </si>
  <si>
    <t>(</t>
    <phoneticPr fontId="1"/>
  </si>
  <si>
    <t>人</t>
    <phoneticPr fontId="1"/>
  </si>
  <si>
    <t>)</t>
    <phoneticPr fontId="1"/>
  </si>
  <si>
    <t>無</t>
    <phoneticPr fontId="1"/>
  </si>
  <si>
    <t>・定期契約</t>
    <phoneticPr fontId="1"/>
  </si>
  <si>
    <t>・一時預かり</t>
    <phoneticPr fontId="1"/>
  </si>
  <si>
    <t>・夜間保育</t>
    <phoneticPr fontId="1"/>
  </si>
  <si>
    <t>・24時間保育</t>
    <phoneticPr fontId="1"/>
  </si>
  <si>
    <t>）</t>
    <phoneticPr fontId="1"/>
  </si>
  <si>
    <t>単位（</t>
    <phoneticPr fontId="1"/>
  </si>
  <si>
    <t>　　　認可外保育施設を設置しましたので、児童福祉法第５９条の２の規定により、</t>
    <phoneticPr fontId="1"/>
  </si>
  <si>
    <t>　　関係書類を添えて別紙のとおり届け出します。</t>
    <phoneticPr fontId="1"/>
  </si>
  <si>
    <t>認可外保育施設設置届</t>
    <rPh sb="0" eb="2">
      <t>ニンカ</t>
    </rPh>
    <rPh sb="2" eb="3">
      <t>ガイ</t>
    </rPh>
    <rPh sb="3" eb="5">
      <t>ホイク</t>
    </rPh>
    <rPh sb="5" eb="7">
      <t>シセツ</t>
    </rPh>
    <rPh sb="7" eb="9">
      <t>セッチ</t>
    </rPh>
    <rPh sb="9" eb="10">
      <t>トドケ</t>
    </rPh>
    <phoneticPr fontId="1"/>
  </si>
  <si>
    <t>（２）建築審査済証の写し又は建物の構造が基準に適合していることを証する書類の写し</t>
    <phoneticPr fontId="1"/>
  </si>
  <si>
    <t>（１）施設の位置図、配置図、平面図（各室の有効面積の記載のあるもの）</t>
    <rPh sb="3" eb="5">
      <t>シセツ</t>
    </rPh>
    <rPh sb="6" eb="9">
      <t>イチズ</t>
    </rPh>
    <rPh sb="10" eb="13">
      <t>ハイチズ</t>
    </rPh>
    <rPh sb="14" eb="17">
      <t>ヘイメンズ</t>
    </rPh>
    <rPh sb="18" eb="20">
      <t>カクシツ</t>
    </rPh>
    <rPh sb="21" eb="23">
      <t>ユウコウ</t>
    </rPh>
    <rPh sb="23" eb="25">
      <t>メンセキ</t>
    </rPh>
    <rPh sb="26" eb="28">
      <t>キサイ</t>
    </rPh>
    <phoneticPr fontId="1"/>
  </si>
  <si>
    <t>（３）消防法関係届出書の写し</t>
    <phoneticPr fontId="1"/>
  </si>
  <si>
    <t>（４）食品衛生法関係届出書の写し</t>
    <phoneticPr fontId="1"/>
  </si>
  <si>
    <t>（５）利用形態別・年齢別料金がわかる書類（料金表）</t>
    <phoneticPr fontId="1"/>
  </si>
  <si>
    <t>（６）保険契約書の写し</t>
    <phoneticPr fontId="1"/>
  </si>
  <si>
    <t>（７）有資格者（保育士又は看護師）については、資格証明書の写し</t>
    <rPh sb="25" eb="28">
      <t>ショウメイショ</t>
    </rPh>
    <phoneticPr fontId="1"/>
  </si>
  <si>
    <t>（８）施設案内、パンフレット等</t>
    <phoneticPr fontId="1"/>
  </si>
  <si>
    <t>（９）その他市長が必要とする書類</t>
    <phoneticPr fontId="1"/>
  </si>
  <si>
    <t>書類は原則全てＡ４版で作成し、フラットファイルに書類を綴り、標題等記載してください。又、各書類の間には、仕切りとして白紙を挟み、これに目次の番号、文字等を記入したインデックスを見出しとして貼付してください。</t>
    <phoneticPr fontId="1"/>
  </si>
  <si>
    <t>正本１部（要押印）、副本１部（写し（届出者控え））を用意してください。</t>
    <rPh sb="15" eb="16">
      <t>ウツ</t>
    </rPh>
    <rPh sb="18" eb="20">
      <t>トドケデ</t>
    </rPh>
    <rPh sb="20" eb="21">
      <t>シャ</t>
    </rPh>
    <rPh sb="21" eb="22">
      <t>ヒカ</t>
    </rPh>
    <phoneticPr fontId="1"/>
  </si>
  <si>
    <t>＜留意事項＞</t>
    <rPh sb="1" eb="3">
      <t>リュウイ</t>
    </rPh>
    <rPh sb="3" eb="5">
      <t>ジコウ</t>
    </rPh>
    <phoneticPr fontId="1"/>
  </si>
  <si>
    <t>令和</t>
  </si>
  <si>
    <t>令和</t>
    <phoneticPr fontId="1"/>
  </si>
  <si>
    <t>（令和</t>
  </si>
  <si>
    <t>（令和</t>
    <phoneticPr fontId="1"/>
  </si>
  <si>
    <t>昭和</t>
    <phoneticPr fontId="1"/>
  </si>
  <si>
    <t>平成</t>
    <rPh sb="0" eb="2">
      <t>ヘイセイ</t>
    </rPh>
    <phoneticPr fontId="1"/>
  </si>
  <si>
    <t>・</t>
    <phoneticPr fontId="1"/>
  </si>
  <si>
    <t>令和</t>
    <rPh sb="0" eb="2">
      <t>レイワ</t>
    </rPh>
    <phoneticPr fontId="1"/>
  </si>
  <si>
    <t>月</t>
    <rPh sb="0" eb="1">
      <t>ツキ</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quot;△ &quot;#,##0"/>
    <numFmt numFmtId="177" formatCode="#,##0_ ;[Red]\-#,##0\ "/>
  </numFmts>
  <fonts count="14">
    <font>
      <sz val="11"/>
      <name val="ＭＳ Ｐゴシック"/>
      <family val="3"/>
      <charset val="128"/>
    </font>
    <font>
      <sz val="6"/>
      <name val="ＭＳ Ｐゴシック"/>
      <family val="3"/>
      <charset val="128"/>
    </font>
    <font>
      <sz val="8"/>
      <name val="ＭＳ 明朝"/>
      <family val="1"/>
      <charset val="128"/>
    </font>
    <font>
      <sz val="11"/>
      <name val="ＭＳ 明朝"/>
      <family val="1"/>
      <charset val="128"/>
    </font>
    <font>
      <sz val="10"/>
      <name val="ＭＳ 明朝"/>
      <family val="1"/>
      <charset val="128"/>
    </font>
    <font>
      <sz val="9"/>
      <name val="ＭＳ 明朝"/>
      <family val="1"/>
      <charset val="128"/>
    </font>
    <font>
      <sz val="7"/>
      <name val="ＭＳ 明朝"/>
      <family val="1"/>
      <charset val="128"/>
    </font>
    <font>
      <sz val="16"/>
      <name val="ＭＳ 明朝"/>
      <family val="1"/>
      <charset val="128"/>
    </font>
    <font>
      <sz val="6"/>
      <name val="ＭＳ 明朝"/>
      <family val="1"/>
      <charset val="128"/>
    </font>
    <font>
      <sz val="11"/>
      <name val="ＭＳ Ｐゴシック"/>
      <family val="3"/>
      <charset val="128"/>
    </font>
    <font>
      <sz val="12"/>
      <name val="ＭＳ 明朝"/>
      <family val="1"/>
      <charset val="128"/>
    </font>
    <font>
      <sz val="20"/>
      <name val="ＭＳ 明朝"/>
      <family val="1"/>
      <charset val="128"/>
    </font>
    <font>
      <sz val="14"/>
      <name val="ＭＳ 明朝"/>
      <family val="1"/>
      <charset val="128"/>
    </font>
    <font>
      <sz val="12"/>
      <color indexed="9"/>
      <name val="ＭＳ 明朝"/>
      <family val="1"/>
      <charset val="128"/>
    </font>
  </fonts>
  <fills count="4">
    <fill>
      <patternFill patternType="none"/>
    </fill>
    <fill>
      <patternFill patternType="gray125"/>
    </fill>
    <fill>
      <patternFill patternType="solid">
        <fgColor indexed="9"/>
        <bgColor indexed="64"/>
      </patternFill>
    </fill>
    <fill>
      <patternFill patternType="solid">
        <fgColor theme="0"/>
        <bgColor indexed="64"/>
      </patternFill>
    </fill>
  </fills>
  <borders count="111">
    <border>
      <left/>
      <right/>
      <top/>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hair">
        <color indexed="64"/>
      </left>
      <right style="hair">
        <color indexed="64"/>
      </right>
      <top style="dashed">
        <color indexed="64"/>
      </top>
      <bottom style="hair">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hair">
        <color indexed="64"/>
      </left>
      <right/>
      <top style="dashed">
        <color indexed="64"/>
      </top>
      <bottom style="thin">
        <color indexed="64"/>
      </bottom>
      <diagonal/>
    </border>
    <border>
      <left/>
      <right style="hair">
        <color indexed="64"/>
      </right>
      <top style="dashed">
        <color indexed="64"/>
      </top>
      <bottom style="thin">
        <color indexed="64"/>
      </bottom>
      <diagonal/>
    </border>
    <border>
      <left/>
      <right style="hair">
        <color indexed="64"/>
      </right>
      <top style="thin">
        <color indexed="64"/>
      </top>
      <bottom style="dashed">
        <color indexed="64"/>
      </bottom>
      <diagonal/>
    </border>
    <border>
      <left style="hair">
        <color indexed="64"/>
      </left>
      <right/>
      <top style="thin">
        <color indexed="64"/>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thin">
        <color indexed="64"/>
      </bottom>
      <diagonal/>
    </border>
    <border>
      <left/>
      <right style="dashed">
        <color indexed="64"/>
      </right>
      <top style="dashed">
        <color indexed="64"/>
      </top>
      <bottom style="dashed">
        <color indexed="64"/>
      </bottom>
      <diagonal/>
    </border>
    <border>
      <left/>
      <right style="dashed">
        <color indexed="64"/>
      </right>
      <top style="dashed">
        <color indexed="64"/>
      </top>
      <bottom style="thin">
        <color indexed="64"/>
      </bottom>
      <diagonal/>
    </border>
    <border>
      <left/>
      <right style="dashed">
        <color indexed="64"/>
      </right>
      <top style="thin">
        <color indexed="64"/>
      </top>
      <bottom style="dashed">
        <color indexed="64"/>
      </bottom>
      <diagonal/>
    </border>
    <border>
      <left style="dashed">
        <color indexed="64"/>
      </left>
      <right/>
      <top style="thin">
        <color indexed="64"/>
      </top>
      <bottom style="dashed">
        <color indexed="64"/>
      </bottom>
      <diagonal/>
    </border>
    <border>
      <left style="dashed">
        <color indexed="64"/>
      </left>
      <right/>
      <top style="thin">
        <color indexed="64"/>
      </top>
      <bottom/>
      <diagonal/>
    </border>
    <border>
      <left style="dashed">
        <color indexed="64"/>
      </left>
      <right/>
      <top/>
      <bottom/>
      <diagonal/>
    </border>
    <border>
      <left style="dashed">
        <color indexed="64"/>
      </left>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style="thin">
        <color indexed="64"/>
      </bottom>
      <diagonal/>
    </border>
    <border>
      <left/>
      <right style="hair">
        <color indexed="64"/>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style="hair">
        <color indexed="64"/>
      </left>
      <right/>
      <top style="dashed">
        <color indexed="64"/>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right/>
      <top style="dashed">
        <color indexed="64"/>
      </top>
      <bottom style="hair">
        <color indexed="64"/>
      </bottom>
      <diagonal/>
    </border>
    <border>
      <left style="hair">
        <color indexed="64"/>
      </left>
      <right/>
      <top/>
      <bottom/>
      <diagonal/>
    </border>
    <border>
      <left/>
      <right/>
      <top style="hair">
        <color indexed="64"/>
      </top>
      <bottom style="hair">
        <color indexed="64"/>
      </bottom>
      <diagonal/>
    </border>
    <border>
      <left style="hair">
        <color indexed="64"/>
      </left>
      <right style="hair">
        <color indexed="64"/>
      </right>
      <top/>
      <bottom style="hair">
        <color indexed="64"/>
      </bottom>
      <diagonal/>
    </border>
    <border>
      <left/>
      <right style="thin">
        <color indexed="64"/>
      </right>
      <top style="dashed">
        <color indexed="64"/>
      </top>
      <bottom style="hair">
        <color indexed="64"/>
      </bottom>
      <diagonal/>
    </border>
    <border>
      <left/>
      <right style="thin">
        <color indexed="64"/>
      </right>
      <top style="hair">
        <color indexed="64"/>
      </top>
      <bottom style="hair">
        <color indexed="64"/>
      </bottom>
      <diagonal/>
    </border>
    <border>
      <left style="hair">
        <color indexed="64"/>
      </left>
      <right/>
      <top style="thin">
        <color indexed="64"/>
      </top>
      <bottom/>
      <diagonal/>
    </border>
    <border>
      <left style="hair">
        <color indexed="64"/>
      </left>
      <right/>
      <top style="thin">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style="thin">
        <color indexed="64"/>
      </top>
      <bottom style="thin">
        <color indexed="64"/>
      </bottom>
      <diagonal/>
    </border>
    <border>
      <left/>
      <right/>
      <top style="dotted">
        <color indexed="64"/>
      </top>
      <bottom/>
      <diagonal/>
    </border>
    <border diagonalDown="1">
      <left style="thin">
        <color indexed="64"/>
      </left>
      <right/>
      <top/>
      <bottom/>
      <diagonal style="thin">
        <color indexed="64"/>
      </diagonal>
    </border>
    <border diagonalDown="1">
      <left/>
      <right/>
      <top/>
      <bottom/>
      <diagonal style="thin">
        <color indexed="64"/>
      </diagonal>
    </border>
    <border diagonalDown="1">
      <left/>
      <right style="thin">
        <color indexed="64"/>
      </right>
      <top/>
      <bottom/>
      <diagonal style="thin">
        <color indexed="64"/>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top style="thin">
        <color indexed="64"/>
      </top>
      <bottom style="thin">
        <color indexed="64"/>
      </bottom>
      <diagonal/>
    </border>
    <border>
      <left/>
      <right style="dashed">
        <color indexed="64"/>
      </right>
      <top style="thin">
        <color indexed="64"/>
      </top>
      <bottom/>
      <diagonal/>
    </border>
    <border>
      <left/>
      <right style="dashed">
        <color indexed="64"/>
      </right>
      <top/>
      <bottom/>
      <diagonal/>
    </border>
    <border>
      <left/>
      <right style="dashed">
        <color indexed="64"/>
      </right>
      <top/>
      <bottom style="thin">
        <color indexed="64"/>
      </bottom>
      <diagonal/>
    </border>
    <border>
      <left/>
      <right style="hair">
        <color indexed="64"/>
      </right>
      <top style="hair">
        <color indexed="64"/>
      </top>
      <bottom style="hair">
        <color indexed="64"/>
      </bottom>
      <diagonal/>
    </border>
    <border>
      <left/>
      <right/>
      <top/>
      <bottom style="dotted">
        <color auto="1"/>
      </bottom>
      <diagonal/>
    </border>
    <border>
      <left style="dotted">
        <color auto="1"/>
      </left>
      <right/>
      <top/>
      <bottom style="dotted">
        <color auto="1"/>
      </bottom>
      <diagonal/>
    </border>
    <border>
      <left/>
      <right style="dotted">
        <color auto="1"/>
      </right>
      <top/>
      <bottom style="dotted">
        <color auto="1"/>
      </bottom>
      <diagonal/>
    </border>
    <border>
      <left style="dotted">
        <color auto="1"/>
      </left>
      <right/>
      <top style="dotted">
        <color auto="1"/>
      </top>
      <bottom/>
      <diagonal/>
    </border>
    <border>
      <left/>
      <right style="dotted">
        <color auto="1"/>
      </right>
      <top style="dotted">
        <color auto="1"/>
      </top>
      <bottom/>
      <diagonal/>
    </border>
    <border>
      <left/>
      <right style="thin">
        <color indexed="9"/>
      </right>
      <top/>
      <bottom/>
      <diagonal/>
    </border>
    <border>
      <left style="thin">
        <color indexed="9"/>
      </left>
      <right/>
      <top/>
      <bottom/>
      <diagonal/>
    </border>
    <border>
      <left/>
      <right style="thin">
        <color indexed="9"/>
      </right>
      <top/>
      <bottom style="thin">
        <color indexed="9"/>
      </bottom>
      <diagonal/>
    </border>
    <border>
      <left/>
      <right style="thin">
        <color indexed="9"/>
      </right>
      <top style="thin">
        <color indexed="9"/>
      </top>
      <bottom/>
      <diagonal/>
    </border>
    <border>
      <left/>
      <right/>
      <top/>
      <bottom style="thin">
        <color indexed="9"/>
      </bottom>
      <diagonal/>
    </border>
    <border>
      <left style="thin">
        <color indexed="9"/>
      </left>
      <right style="thin">
        <color indexed="9"/>
      </right>
      <top/>
      <bottom/>
      <diagonal/>
    </border>
    <border>
      <left/>
      <right/>
      <top style="thin">
        <color indexed="9"/>
      </top>
      <bottom style="thin">
        <color indexed="9"/>
      </bottom>
      <diagonal/>
    </border>
    <border>
      <left style="thin">
        <color indexed="9"/>
      </left>
      <right style="thin">
        <color indexed="9"/>
      </right>
      <top/>
      <bottom style="thin">
        <color indexed="9"/>
      </bottom>
      <diagonal/>
    </border>
    <border>
      <left style="thin">
        <color indexed="9"/>
      </left>
      <right/>
      <top/>
      <bottom style="thin">
        <color indexed="9"/>
      </bottom>
      <diagonal/>
    </border>
    <border>
      <left/>
      <right style="thin">
        <color indexed="9"/>
      </right>
      <top style="thin">
        <color indexed="9"/>
      </top>
      <bottom style="thin">
        <color indexed="9"/>
      </bottom>
      <diagonal/>
    </border>
    <border>
      <left style="thin">
        <color indexed="9"/>
      </left>
      <right style="thin">
        <color indexed="9"/>
      </right>
      <top style="thin">
        <color indexed="9"/>
      </top>
      <bottom style="thin">
        <color indexed="9"/>
      </bottom>
      <diagonal/>
    </border>
    <border>
      <left style="thin">
        <color indexed="64"/>
      </left>
      <right/>
      <top style="hair">
        <color indexed="64"/>
      </top>
      <bottom style="hair">
        <color indexed="64"/>
      </bottom>
      <diagonal/>
    </border>
    <border>
      <left/>
      <right style="hair">
        <color indexed="64"/>
      </right>
      <top style="dashed">
        <color indexed="64"/>
      </top>
      <bottom/>
      <diagonal/>
    </border>
    <border>
      <left/>
      <right style="hair">
        <color indexed="64"/>
      </right>
      <top/>
      <bottom style="hair">
        <color indexed="64"/>
      </bottom>
      <diagonal/>
    </border>
    <border>
      <left style="hair">
        <color indexed="64"/>
      </left>
      <right/>
      <top style="dashed">
        <color indexed="64"/>
      </top>
      <bottom/>
      <diagonal/>
    </border>
    <border>
      <left/>
      <right style="hair">
        <color indexed="64"/>
      </right>
      <top/>
      <bottom style="dashed">
        <color indexed="64"/>
      </bottom>
      <diagonal/>
    </border>
    <border>
      <left style="hair">
        <color indexed="64"/>
      </left>
      <right/>
      <top/>
      <bottom style="dashed">
        <color indexed="64"/>
      </bottom>
      <diagonal/>
    </border>
  </borders>
  <cellStyleXfs count="7">
    <xf numFmtId="0" fontId="0" fillId="0" borderId="0"/>
    <xf numFmtId="0" fontId="9" fillId="0" borderId="0">
      <alignment vertical="center"/>
    </xf>
    <xf numFmtId="0" fontId="9" fillId="0" borderId="0">
      <alignment vertical="center"/>
    </xf>
    <xf numFmtId="0" fontId="9" fillId="0" borderId="0">
      <alignment vertical="center"/>
    </xf>
    <xf numFmtId="0" fontId="9" fillId="0" borderId="0">
      <alignment vertical="center"/>
    </xf>
    <xf numFmtId="0" fontId="9" fillId="0" borderId="0">
      <alignment vertical="center"/>
    </xf>
    <xf numFmtId="0" fontId="9" fillId="0" borderId="0">
      <alignment vertical="center"/>
    </xf>
  </cellStyleXfs>
  <cellXfs count="543">
    <xf numFmtId="0" fontId="0" fillId="0" borderId="0" xfId="0"/>
    <xf numFmtId="176" fontId="3" fillId="0" borderId="5" xfId="0" applyNumberFormat="1" applyFont="1" applyFill="1" applyBorder="1" applyAlignment="1">
      <alignment vertical="center"/>
    </xf>
    <xf numFmtId="176" fontId="3" fillId="0" borderId="11" xfId="0" applyNumberFormat="1" applyFont="1" applyFill="1" applyBorder="1" applyAlignment="1">
      <alignment vertical="center"/>
    </xf>
    <xf numFmtId="176" fontId="3" fillId="0" borderId="19" xfId="0" applyNumberFormat="1" applyFont="1" applyFill="1" applyBorder="1" applyAlignment="1">
      <alignment vertical="center"/>
    </xf>
    <xf numFmtId="176" fontId="3" fillId="0" borderId="4" xfId="0" applyNumberFormat="1" applyFont="1" applyFill="1" applyBorder="1" applyAlignment="1">
      <alignment vertical="center"/>
    </xf>
    <xf numFmtId="176" fontId="3" fillId="0" borderId="6" xfId="0" applyNumberFormat="1" applyFont="1" applyFill="1" applyBorder="1" applyAlignment="1">
      <alignment vertical="center"/>
    </xf>
    <xf numFmtId="176" fontId="3" fillId="0" borderId="26" xfId="0" applyNumberFormat="1" applyFont="1" applyFill="1" applyBorder="1" applyAlignment="1">
      <alignment vertical="center"/>
    </xf>
    <xf numFmtId="176" fontId="3" fillId="0" borderId="23" xfId="0" applyNumberFormat="1" applyFont="1" applyFill="1" applyBorder="1" applyAlignment="1">
      <alignment vertical="center"/>
    </xf>
    <xf numFmtId="176" fontId="3" fillId="0" borderId="38" xfId="0" applyNumberFormat="1" applyFont="1" applyFill="1" applyBorder="1" applyAlignment="1">
      <alignment vertical="center"/>
    </xf>
    <xf numFmtId="176" fontId="4" fillId="0" borderId="3" xfId="0" applyNumberFormat="1" applyFont="1" applyFill="1" applyBorder="1" applyAlignment="1">
      <alignment horizontal="distributed" vertical="center"/>
    </xf>
    <xf numFmtId="176" fontId="3" fillId="0" borderId="39" xfId="0" applyNumberFormat="1" applyFont="1" applyFill="1" applyBorder="1" applyAlignment="1">
      <alignment vertical="center"/>
    </xf>
    <xf numFmtId="176" fontId="2" fillId="0" borderId="42" xfId="0" applyNumberFormat="1" applyFont="1" applyFill="1" applyBorder="1" applyAlignment="1">
      <alignment vertical="top"/>
    </xf>
    <xf numFmtId="176" fontId="2" fillId="0" borderId="2" xfId="0" applyNumberFormat="1" applyFont="1" applyFill="1" applyBorder="1" applyAlignment="1">
      <alignment vertical="top" wrapText="1"/>
    </xf>
    <xf numFmtId="176" fontId="2" fillId="0" borderId="0" xfId="0" applyNumberFormat="1" applyFont="1" applyFill="1" applyBorder="1" applyAlignment="1">
      <alignment vertical="top" wrapText="1"/>
    </xf>
    <xf numFmtId="176" fontId="2" fillId="0" borderId="3" xfId="0" applyNumberFormat="1" applyFont="1" applyFill="1" applyBorder="1" applyAlignment="1">
      <alignment vertical="top" wrapText="1"/>
    </xf>
    <xf numFmtId="176" fontId="3" fillId="0" borderId="0" xfId="0" applyNumberFormat="1" applyFont="1" applyFill="1" applyBorder="1" applyAlignment="1">
      <alignment vertical="center" shrinkToFit="1"/>
    </xf>
    <xf numFmtId="176" fontId="3" fillId="0" borderId="4" xfId="0" applyNumberFormat="1" applyFont="1" applyFill="1" applyBorder="1" applyAlignment="1">
      <alignment vertical="center" shrinkToFit="1"/>
    </xf>
    <xf numFmtId="176" fontId="3" fillId="0" borderId="8" xfId="0" applyNumberFormat="1" applyFont="1" applyFill="1" applyBorder="1" applyAlignment="1">
      <alignment vertical="center" wrapText="1"/>
    </xf>
    <xf numFmtId="176" fontId="3" fillId="0" borderId="3" xfId="0" applyNumberFormat="1" applyFont="1" applyFill="1" applyBorder="1" applyAlignment="1">
      <alignment vertical="center" wrapText="1"/>
    </xf>
    <xf numFmtId="176" fontId="3" fillId="0" borderId="6" xfId="0" applyNumberFormat="1" applyFont="1" applyFill="1" applyBorder="1" applyAlignment="1">
      <alignment vertical="center" wrapText="1"/>
    </xf>
    <xf numFmtId="176" fontId="3" fillId="0" borderId="0" xfId="0" applyNumberFormat="1" applyFont="1" applyFill="1" applyBorder="1" applyAlignment="1">
      <alignment vertical="center" textRotation="255" wrapText="1"/>
    </xf>
    <xf numFmtId="176" fontId="3" fillId="0" borderId="0" xfId="0" applyNumberFormat="1" applyFont="1" applyFill="1" applyBorder="1" applyAlignment="1">
      <alignment horizontal="left" vertical="center" shrinkToFit="1"/>
    </xf>
    <xf numFmtId="176" fontId="3" fillId="0" borderId="0" xfId="0" applyNumberFormat="1" applyFont="1" applyFill="1" applyBorder="1" applyAlignment="1">
      <alignment vertical="center" wrapText="1" shrinkToFit="1"/>
    </xf>
    <xf numFmtId="176" fontId="3" fillId="0" borderId="0" xfId="0" applyNumberFormat="1" applyFont="1" applyFill="1" applyBorder="1" applyAlignment="1">
      <alignment horizontal="center" vertical="center" wrapText="1" shrinkToFit="1"/>
    </xf>
    <xf numFmtId="176" fontId="3" fillId="0" borderId="2" xfId="0" applyNumberFormat="1" applyFont="1" applyFill="1" applyBorder="1" applyAlignment="1">
      <alignment vertical="center" wrapText="1"/>
    </xf>
    <xf numFmtId="176" fontId="3" fillId="0" borderId="10" xfId="0" applyNumberFormat="1" applyFont="1" applyFill="1" applyBorder="1" applyAlignment="1">
      <alignment vertical="center"/>
    </xf>
    <xf numFmtId="176" fontId="3" fillId="0" borderId="1" xfId="0" applyNumberFormat="1" applyFont="1" applyFill="1" applyBorder="1" applyAlignment="1">
      <alignment vertical="center"/>
    </xf>
    <xf numFmtId="176" fontId="3" fillId="0" borderId="7" xfId="0" applyNumberFormat="1" applyFont="1" applyFill="1" applyBorder="1" applyAlignment="1">
      <alignment vertical="center"/>
    </xf>
    <xf numFmtId="176" fontId="3" fillId="0" borderId="4" xfId="0" applyNumberFormat="1" applyFont="1" applyFill="1" applyBorder="1" applyAlignment="1">
      <alignment vertical="center" wrapText="1"/>
    </xf>
    <xf numFmtId="176" fontId="3" fillId="0" borderId="1" xfId="0" applyNumberFormat="1" applyFont="1" applyFill="1" applyBorder="1" applyAlignment="1">
      <alignment vertical="center" wrapText="1"/>
    </xf>
    <xf numFmtId="176" fontId="3" fillId="0" borderId="7" xfId="0" applyNumberFormat="1" applyFont="1" applyFill="1" applyBorder="1" applyAlignment="1">
      <alignment vertical="center" wrapText="1"/>
    </xf>
    <xf numFmtId="176" fontId="5" fillId="0" borderId="2" xfId="0" applyNumberFormat="1" applyFont="1" applyFill="1" applyBorder="1" applyAlignment="1">
      <alignment vertical="center"/>
    </xf>
    <xf numFmtId="176" fontId="2" fillId="0" borderId="43" xfId="0" applyNumberFormat="1" applyFont="1" applyFill="1" applyBorder="1" applyAlignment="1">
      <alignment vertical="top"/>
    </xf>
    <xf numFmtId="176" fontId="3" fillId="0" borderId="3" xfId="0" applyNumberFormat="1" applyFont="1" applyFill="1" applyBorder="1" applyAlignment="1">
      <alignment vertical="center" wrapText="1" shrinkToFit="1"/>
    </xf>
    <xf numFmtId="176" fontId="6" fillId="0" borderId="0" xfId="0" applyNumberFormat="1" applyFont="1" applyFill="1" applyBorder="1" applyAlignment="1">
      <alignment horizontal="left" vertical="center"/>
    </xf>
    <xf numFmtId="176" fontId="6" fillId="0" borderId="3" xfId="0" applyNumberFormat="1" applyFont="1" applyFill="1" applyBorder="1" applyAlignment="1">
      <alignment horizontal="left" vertical="center"/>
    </xf>
    <xf numFmtId="176" fontId="2" fillId="0" borderId="43" xfId="0" applyNumberFormat="1" applyFont="1" applyFill="1" applyBorder="1" applyAlignment="1">
      <alignment vertical="center"/>
    </xf>
    <xf numFmtId="176" fontId="2" fillId="0" borderId="43" xfId="0" applyNumberFormat="1" applyFont="1" applyFill="1" applyBorder="1" applyAlignment="1">
      <alignment horizontal="left" vertical="center" wrapText="1"/>
    </xf>
    <xf numFmtId="176" fontId="2" fillId="0" borderId="0" xfId="0" applyNumberFormat="1" applyFont="1" applyFill="1" applyBorder="1" applyAlignment="1">
      <alignment horizontal="left" vertical="center" wrapText="1"/>
    </xf>
    <xf numFmtId="176" fontId="2" fillId="0" borderId="44" xfId="0" applyNumberFormat="1" applyFont="1" applyFill="1" applyBorder="1" applyAlignment="1">
      <alignment horizontal="left" vertical="center" wrapText="1"/>
    </xf>
    <xf numFmtId="176" fontId="2" fillId="0" borderId="3" xfId="0" applyNumberFormat="1" applyFont="1" applyFill="1" applyBorder="1" applyAlignment="1">
      <alignment horizontal="left" vertical="center" wrapText="1"/>
    </xf>
    <xf numFmtId="176" fontId="4" fillId="0" borderId="0" xfId="0" applyNumberFormat="1" applyFont="1" applyFill="1" applyBorder="1" applyAlignment="1">
      <alignment horizontal="left" vertical="center"/>
    </xf>
    <xf numFmtId="176" fontId="3" fillId="0" borderId="8" xfId="0" applyNumberFormat="1" applyFont="1" applyFill="1" applyBorder="1" applyAlignment="1">
      <alignment horizontal="distributed" vertical="center"/>
    </xf>
    <xf numFmtId="176" fontId="3" fillId="0" borderId="8" xfId="0" applyNumberFormat="1" applyFont="1" applyFill="1" applyBorder="1" applyAlignment="1">
      <alignment horizontal="right" vertical="center"/>
    </xf>
    <xf numFmtId="176" fontId="6" fillId="0" borderId="0" xfId="0" applyNumberFormat="1" applyFont="1" applyFill="1" applyBorder="1" applyAlignment="1">
      <alignment horizontal="center" vertical="center" wrapText="1"/>
    </xf>
    <xf numFmtId="176" fontId="3" fillId="0" borderId="2" xfId="0" applyNumberFormat="1" applyFont="1" applyFill="1" applyBorder="1" applyAlignment="1">
      <alignment vertical="center" wrapText="1" shrinkToFit="1"/>
    </xf>
    <xf numFmtId="176" fontId="3" fillId="0" borderId="1" xfId="0" applyNumberFormat="1" applyFont="1" applyFill="1" applyBorder="1" applyAlignment="1">
      <alignment vertical="center" wrapText="1" shrinkToFit="1"/>
    </xf>
    <xf numFmtId="176" fontId="3" fillId="0" borderId="46" xfId="0" applyNumberFormat="1" applyFont="1" applyFill="1" applyBorder="1" applyAlignment="1">
      <alignment vertical="center" wrapText="1" shrinkToFit="1"/>
    </xf>
    <xf numFmtId="176" fontId="4" fillId="0" borderId="0" xfId="0" applyNumberFormat="1" applyFont="1" applyFill="1" applyBorder="1" applyAlignment="1">
      <alignment vertical="center"/>
    </xf>
    <xf numFmtId="176" fontId="4" fillId="0" borderId="2" xfId="0" applyNumberFormat="1" applyFont="1" applyFill="1" applyBorder="1" applyAlignment="1">
      <alignment vertical="center"/>
    </xf>
    <xf numFmtId="176" fontId="3" fillId="0" borderId="72" xfId="0" applyNumberFormat="1" applyFont="1" applyFill="1" applyBorder="1" applyAlignment="1">
      <alignment vertical="center"/>
    </xf>
    <xf numFmtId="176" fontId="3" fillId="0" borderId="73" xfId="0" applyNumberFormat="1" applyFont="1" applyFill="1" applyBorder="1" applyAlignment="1">
      <alignment vertical="center"/>
    </xf>
    <xf numFmtId="176" fontId="3" fillId="0" borderId="4" xfId="0" applyNumberFormat="1" applyFont="1" applyFill="1" applyBorder="1" applyAlignment="1">
      <alignment horizontal="right" vertical="center"/>
    </xf>
    <xf numFmtId="176" fontId="3" fillId="0" borderId="5" xfId="0" applyNumberFormat="1" applyFont="1" applyFill="1" applyBorder="1" applyAlignment="1">
      <alignment vertical="center" wrapText="1"/>
    </xf>
    <xf numFmtId="177" fontId="3" fillId="0" borderId="1" xfId="0" applyNumberFormat="1" applyFont="1" applyFill="1" applyBorder="1" applyAlignment="1">
      <alignment horizontal="left" vertical="center"/>
    </xf>
    <xf numFmtId="176" fontId="3" fillId="0" borderId="5" xfId="0" applyNumberFormat="1" applyFont="1" applyFill="1" applyBorder="1" applyAlignment="1">
      <alignment vertical="center" textRotation="255"/>
    </xf>
    <xf numFmtId="176" fontId="3" fillId="0" borderId="2" xfId="0" applyNumberFormat="1" applyFont="1" applyFill="1" applyBorder="1" applyAlignment="1">
      <alignment vertical="center" textRotation="255"/>
    </xf>
    <xf numFmtId="176" fontId="3" fillId="0" borderId="11" xfId="0" applyNumberFormat="1" applyFont="1" applyFill="1" applyBorder="1" applyAlignment="1">
      <alignment vertical="center" textRotation="255"/>
    </xf>
    <xf numFmtId="176" fontId="3" fillId="0" borderId="4" xfId="0" applyNumberFormat="1" applyFont="1" applyFill="1" applyBorder="1" applyAlignment="1">
      <alignment vertical="center" textRotation="255"/>
    </xf>
    <xf numFmtId="176" fontId="3" fillId="0" borderId="0" xfId="0" applyNumberFormat="1" applyFont="1" applyFill="1" applyBorder="1" applyAlignment="1">
      <alignment vertical="center" textRotation="255"/>
    </xf>
    <xf numFmtId="176" fontId="3" fillId="0" borderId="6" xfId="0" applyNumberFormat="1" applyFont="1" applyFill="1" applyBorder="1" applyAlignment="1">
      <alignment vertical="center" textRotation="255"/>
    </xf>
    <xf numFmtId="176" fontId="4" fillId="0" borderId="0" xfId="0" applyNumberFormat="1" applyFont="1" applyFill="1" applyBorder="1" applyAlignment="1">
      <alignment vertical="center" wrapText="1"/>
    </xf>
    <xf numFmtId="176" fontId="3" fillId="0" borderId="0" xfId="0" applyNumberFormat="1" applyFont="1" applyFill="1" applyBorder="1" applyAlignment="1">
      <alignment vertical="top"/>
    </xf>
    <xf numFmtId="176" fontId="3" fillId="0" borderId="0" xfId="0" applyNumberFormat="1" applyFont="1" applyFill="1" applyBorder="1" applyAlignment="1">
      <alignment vertical="top" wrapText="1"/>
    </xf>
    <xf numFmtId="176" fontId="3" fillId="0" borderId="0" xfId="0" applyNumberFormat="1" applyFont="1" applyFill="1" applyBorder="1" applyAlignment="1">
      <alignment horizontal="right" vertical="top"/>
    </xf>
    <xf numFmtId="176" fontId="3" fillId="0" borderId="8" xfId="0" applyNumberFormat="1" applyFont="1" applyFill="1" applyBorder="1" applyAlignment="1">
      <alignment horizontal="left" vertical="center"/>
    </xf>
    <xf numFmtId="176" fontId="3" fillId="0" borderId="3" xfId="0" applyNumberFormat="1" applyFont="1" applyFill="1" applyBorder="1" applyAlignment="1">
      <alignment vertical="center" textRotation="255" wrapText="1"/>
    </xf>
    <xf numFmtId="176" fontId="3" fillId="0" borderId="0" xfId="0" applyNumberFormat="1" applyFont="1" applyFill="1" applyBorder="1" applyAlignment="1">
      <alignment vertical="center" wrapText="1"/>
    </xf>
    <xf numFmtId="176" fontId="4" fillId="0" borderId="0" xfId="0" applyNumberFormat="1" applyFont="1" applyFill="1" applyBorder="1" applyAlignment="1">
      <alignment vertical="center" wrapText="1" shrinkToFit="1"/>
    </xf>
    <xf numFmtId="176" fontId="2" fillId="0" borderId="3" xfId="0" applyNumberFormat="1" applyFont="1" applyFill="1" applyBorder="1" applyAlignment="1">
      <alignment horizontal="distributed" vertical="center"/>
    </xf>
    <xf numFmtId="176" fontId="2" fillId="0" borderId="1" xfId="0" applyNumberFormat="1" applyFont="1" applyFill="1" applyBorder="1" applyAlignment="1">
      <alignment horizontal="distributed" vertical="center"/>
    </xf>
    <xf numFmtId="176" fontId="2" fillId="0" borderId="2" xfId="0" applyNumberFormat="1" applyFont="1" applyFill="1" applyBorder="1" applyAlignment="1">
      <alignment horizontal="distributed" vertical="center"/>
    </xf>
    <xf numFmtId="176" fontId="3" fillId="0" borderId="85" xfId="0" applyNumberFormat="1" applyFont="1" applyFill="1" applyBorder="1" applyAlignment="1">
      <alignment horizontal="center" vertical="center"/>
    </xf>
    <xf numFmtId="176" fontId="6" fillId="0" borderId="4" xfId="0" applyNumberFormat="1" applyFont="1" applyFill="1" applyBorder="1" applyAlignment="1">
      <alignment vertical="center"/>
    </xf>
    <xf numFmtId="176" fontId="6" fillId="0" borderId="6" xfId="0" applyNumberFormat="1" applyFont="1" applyFill="1" applyBorder="1" applyAlignment="1">
      <alignment vertical="center" wrapText="1"/>
    </xf>
    <xf numFmtId="176" fontId="2" fillId="0" borderId="0" xfId="0" applyNumberFormat="1" applyFont="1" applyFill="1" applyBorder="1" applyAlignment="1">
      <alignment vertical="center" shrinkToFit="1"/>
    </xf>
    <xf numFmtId="176" fontId="2" fillId="0" borderId="0" xfId="0" applyNumberFormat="1" applyFont="1" applyFill="1" applyBorder="1" applyAlignment="1">
      <alignment vertical="center" wrapText="1"/>
    </xf>
    <xf numFmtId="176" fontId="3" fillId="0" borderId="86" xfId="0" applyNumberFormat="1" applyFont="1" applyFill="1" applyBorder="1" applyAlignment="1">
      <alignment vertical="center" shrinkToFit="1"/>
    </xf>
    <xf numFmtId="176" fontId="3" fillId="0" borderId="6" xfId="0" applyNumberFormat="1" applyFont="1" applyFill="1" applyBorder="1" applyAlignment="1">
      <alignment vertical="center" shrinkToFit="1"/>
    </xf>
    <xf numFmtId="176" fontId="2" fillId="0" borderId="4" xfId="0" applyNumberFormat="1" applyFont="1" applyFill="1" applyBorder="1" applyAlignment="1">
      <alignment horizontal="left" vertical="center"/>
    </xf>
    <xf numFmtId="176" fontId="3" fillId="0" borderId="86" xfId="0" applyNumberFormat="1" applyFont="1" applyFill="1" applyBorder="1" applyAlignment="1">
      <alignment vertical="center"/>
    </xf>
    <xf numFmtId="176" fontId="2" fillId="0" borderId="4" xfId="0" applyNumberFormat="1" applyFont="1" applyFill="1" applyBorder="1" applyAlignment="1">
      <alignment vertical="center" shrinkToFit="1"/>
    </xf>
    <xf numFmtId="176" fontId="2" fillId="0" borderId="6" xfId="0" applyNumberFormat="1" applyFont="1" applyFill="1" applyBorder="1" applyAlignment="1">
      <alignment vertical="center"/>
    </xf>
    <xf numFmtId="176" fontId="6" fillId="0" borderId="8" xfId="0" applyNumberFormat="1" applyFont="1" applyFill="1" applyBorder="1" applyAlignment="1">
      <alignment vertical="center"/>
    </xf>
    <xf numFmtId="176" fontId="3" fillId="0" borderId="87" xfId="0" applyNumberFormat="1" applyFont="1" applyFill="1" applyBorder="1" applyAlignment="1">
      <alignment vertical="center"/>
    </xf>
    <xf numFmtId="176" fontId="3" fillId="0" borderId="9" xfId="0" applyNumberFormat="1" applyFont="1" applyFill="1" applyBorder="1" applyAlignment="1">
      <alignment horizontal="distributed" vertical="center"/>
    </xf>
    <xf numFmtId="176" fontId="3" fillId="0" borderId="79" xfId="0" applyNumberFormat="1" applyFont="1" applyFill="1" applyBorder="1" applyAlignment="1">
      <alignment horizontal="center" vertical="center" shrinkToFit="1"/>
    </xf>
    <xf numFmtId="176" fontId="3" fillId="0" borderId="80" xfId="0" applyNumberFormat="1" applyFont="1" applyFill="1" applyBorder="1" applyAlignment="1">
      <alignment horizontal="center" vertical="center" shrinkToFit="1"/>
    </xf>
    <xf numFmtId="176" fontId="3" fillId="0" borderId="81" xfId="0" applyNumberFormat="1" applyFont="1" applyFill="1" applyBorder="1" applyAlignment="1">
      <alignment vertical="center"/>
    </xf>
    <xf numFmtId="176" fontId="2" fillId="0" borderId="82" xfId="0" applyNumberFormat="1" applyFont="1" applyFill="1" applyBorder="1" applyAlignment="1">
      <alignment horizontal="left" vertical="center"/>
    </xf>
    <xf numFmtId="176" fontId="3" fillId="0" borderId="12" xfId="0" applyNumberFormat="1" applyFont="1" applyFill="1" applyBorder="1" applyAlignment="1">
      <alignment horizontal="center" vertical="center" shrinkToFit="1"/>
    </xf>
    <xf numFmtId="176" fontId="3" fillId="0" borderId="12" xfId="0" applyNumberFormat="1" applyFont="1" applyFill="1" applyBorder="1" applyAlignment="1">
      <alignment vertical="center"/>
    </xf>
    <xf numFmtId="176" fontId="3" fillId="0" borderId="13" xfId="0" applyNumberFormat="1" applyFont="1" applyFill="1" applyBorder="1" applyAlignment="1">
      <alignment vertical="center"/>
    </xf>
    <xf numFmtId="176" fontId="2" fillId="0" borderId="6" xfId="0" applyNumberFormat="1" applyFont="1" applyFill="1" applyBorder="1" applyAlignment="1">
      <alignment horizontal="left" vertical="center"/>
    </xf>
    <xf numFmtId="176" fontId="3" fillId="0" borderId="4" xfId="0" applyNumberFormat="1" applyFont="1" applyFill="1" applyBorder="1" applyAlignment="1">
      <alignment horizontal="right" vertical="center" wrapText="1"/>
    </xf>
    <xf numFmtId="176" fontId="3" fillId="0" borderId="0" xfId="0" applyNumberFormat="1" applyFont="1" applyFill="1" applyBorder="1" applyAlignment="1">
      <alignment wrapText="1"/>
    </xf>
    <xf numFmtId="176" fontId="3" fillId="0" borderId="1" xfId="0" applyNumberFormat="1" applyFont="1" applyFill="1" applyBorder="1" applyAlignment="1">
      <alignment horizontal="right" vertical="center" wrapText="1"/>
    </xf>
    <xf numFmtId="176" fontId="3" fillId="0" borderId="1" xfId="0" applyNumberFormat="1" applyFont="1" applyFill="1" applyBorder="1" applyAlignment="1">
      <alignment wrapText="1"/>
    </xf>
    <xf numFmtId="176" fontId="3" fillId="0" borderId="0" xfId="0" applyNumberFormat="1" applyFont="1" applyFill="1" applyBorder="1" applyAlignment="1">
      <alignment horizontal="right" vertical="center" wrapText="1"/>
    </xf>
    <xf numFmtId="176" fontId="3" fillId="0" borderId="89" xfId="0" applyNumberFormat="1" applyFont="1" applyFill="1" applyBorder="1" applyAlignment="1">
      <alignment vertical="center" wrapText="1" shrinkToFit="1"/>
    </xf>
    <xf numFmtId="176" fontId="3" fillId="0" borderId="89" xfId="0" applyNumberFormat="1" applyFont="1" applyFill="1" applyBorder="1" applyAlignment="1">
      <alignment vertical="center"/>
    </xf>
    <xf numFmtId="176" fontId="3" fillId="0" borderId="75" xfId="0" applyNumberFormat="1" applyFont="1" applyFill="1" applyBorder="1" applyAlignment="1">
      <alignment vertical="center" wrapText="1" shrinkToFit="1"/>
    </xf>
    <xf numFmtId="176" fontId="3" fillId="0" borderId="75" xfId="0" applyNumberFormat="1" applyFont="1" applyFill="1" applyBorder="1" applyAlignment="1">
      <alignment vertical="center"/>
    </xf>
    <xf numFmtId="176" fontId="3" fillId="0" borderId="90" xfId="0" applyNumberFormat="1" applyFont="1" applyFill="1" applyBorder="1" applyAlignment="1">
      <alignment vertical="center"/>
    </xf>
    <xf numFmtId="176" fontId="3" fillId="0" borderId="91" xfId="0" applyNumberFormat="1" applyFont="1" applyFill="1" applyBorder="1" applyAlignment="1">
      <alignment vertical="center"/>
    </xf>
    <xf numFmtId="176" fontId="3" fillId="0" borderId="92" xfId="0" applyNumberFormat="1" applyFont="1" applyFill="1" applyBorder="1" applyAlignment="1">
      <alignment vertical="center"/>
    </xf>
    <xf numFmtId="176" fontId="3" fillId="0" borderId="93" xfId="0" applyNumberFormat="1" applyFont="1" applyFill="1" applyBorder="1" applyAlignment="1">
      <alignment vertical="center"/>
    </xf>
    <xf numFmtId="176" fontId="3" fillId="0" borderId="10" xfId="0" applyNumberFormat="1" applyFont="1" applyFill="1" applyBorder="1" applyAlignment="1">
      <alignment horizontal="left" vertical="center"/>
    </xf>
    <xf numFmtId="176" fontId="3" fillId="0" borderId="1" xfId="0" applyNumberFormat="1" applyFont="1" applyFill="1" applyBorder="1" applyAlignment="1">
      <alignment horizontal="left" vertical="center"/>
    </xf>
    <xf numFmtId="176" fontId="3" fillId="0" borderId="4"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4" fillId="0" borderId="0" xfId="0" applyNumberFormat="1" applyFont="1" applyFill="1" applyBorder="1" applyAlignment="1">
      <alignment horizontal="distributed" vertical="center"/>
    </xf>
    <xf numFmtId="176" fontId="3" fillId="0" borderId="5" xfId="0" applyNumberFormat="1" applyFont="1" applyFill="1" applyBorder="1" applyAlignment="1">
      <alignment horizontal="center" vertical="center" shrinkToFit="1"/>
    </xf>
    <xf numFmtId="176" fontId="3" fillId="0" borderId="4" xfId="0" applyNumberFormat="1" applyFont="1" applyFill="1" applyBorder="1" applyAlignment="1">
      <alignment horizontal="left" vertical="center" wrapText="1"/>
    </xf>
    <xf numFmtId="176" fontId="3" fillId="0" borderId="9" xfId="0" applyNumberFormat="1" applyFont="1" applyFill="1" applyBorder="1" applyAlignment="1">
      <alignment horizontal="left" vertical="center"/>
    </xf>
    <xf numFmtId="176" fontId="4" fillId="0" borderId="2" xfId="0" applyNumberFormat="1" applyFont="1" applyFill="1" applyBorder="1" applyAlignment="1">
      <alignment vertical="center" wrapText="1" shrinkToFit="1"/>
    </xf>
    <xf numFmtId="176" fontId="4" fillId="0" borderId="2" xfId="0" applyNumberFormat="1" applyFont="1" applyFill="1" applyBorder="1" applyAlignment="1">
      <alignment vertical="center" wrapText="1"/>
    </xf>
    <xf numFmtId="0" fontId="10" fillId="2" borderId="0" xfId="0" applyFont="1" applyFill="1" applyAlignment="1">
      <alignment vertical="center"/>
    </xf>
    <xf numFmtId="0" fontId="10" fillId="0" borderId="0" xfId="0" applyFont="1" applyAlignment="1">
      <alignment vertical="center"/>
    </xf>
    <xf numFmtId="0" fontId="10" fillId="0" borderId="95" xfId="0" applyFont="1" applyFill="1" applyBorder="1" applyAlignment="1">
      <alignment vertical="center"/>
    </xf>
    <xf numFmtId="0" fontId="10" fillId="0" borderId="96" xfId="0" applyFont="1" applyBorder="1" applyAlignment="1">
      <alignment vertical="center"/>
    </xf>
    <xf numFmtId="0" fontId="10" fillId="0" borderId="97" xfId="0" applyFont="1" applyBorder="1" applyAlignment="1">
      <alignment vertical="center"/>
    </xf>
    <xf numFmtId="0" fontId="10" fillId="0" borderId="103" xfId="0" applyFont="1" applyBorder="1" applyAlignment="1">
      <alignment vertical="center"/>
    </xf>
    <xf numFmtId="0" fontId="7" fillId="2" borderId="0" xfId="0" applyFont="1" applyFill="1" applyAlignment="1">
      <alignment vertical="center"/>
    </xf>
    <xf numFmtId="0" fontId="10" fillId="3" borderId="0" xfId="0" applyFont="1" applyFill="1" applyAlignment="1">
      <alignment vertical="center"/>
    </xf>
    <xf numFmtId="0" fontId="13" fillId="0" borderId="104" xfId="0" applyFont="1" applyFill="1" applyBorder="1" applyAlignment="1">
      <alignment vertical="center"/>
    </xf>
    <xf numFmtId="0" fontId="13" fillId="0" borderId="99" xfId="0" applyFont="1" applyFill="1" applyBorder="1" applyAlignment="1">
      <alignment vertical="center"/>
    </xf>
    <xf numFmtId="0" fontId="10" fillId="0" borderId="99" xfId="0" applyFont="1" applyBorder="1" applyAlignment="1">
      <alignment vertical="center"/>
    </xf>
    <xf numFmtId="0" fontId="10" fillId="0" borderId="101" xfId="0" applyFont="1" applyBorder="1" applyAlignment="1">
      <alignment vertical="center"/>
    </xf>
    <xf numFmtId="0" fontId="3" fillId="0" borderId="0" xfId="0" applyFont="1" applyAlignment="1">
      <alignment vertical="center"/>
    </xf>
    <xf numFmtId="176" fontId="3" fillId="0" borderId="3" xfId="0" applyNumberFormat="1" applyFont="1" applyFill="1" applyBorder="1" applyAlignment="1">
      <alignment horizontal="left" vertical="center"/>
    </xf>
    <xf numFmtId="176" fontId="3" fillId="0" borderId="11" xfId="0" applyNumberFormat="1" applyFont="1" applyFill="1" applyBorder="1" applyAlignment="1">
      <alignment vertical="center" wrapText="1"/>
    </xf>
    <xf numFmtId="176" fontId="3" fillId="0" borderId="9" xfId="0" applyNumberFormat="1" applyFont="1" applyFill="1" applyBorder="1" applyAlignment="1">
      <alignment vertical="center" wrapText="1"/>
    </xf>
    <xf numFmtId="176" fontId="6" fillId="0" borderId="3" xfId="0" applyNumberFormat="1" applyFont="1" applyFill="1" applyBorder="1" applyAlignment="1">
      <alignment vertical="center" wrapText="1"/>
    </xf>
    <xf numFmtId="176" fontId="2" fillId="0" borderId="6" xfId="0" applyNumberFormat="1" applyFont="1" applyFill="1" applyBorder="1" applyAlignment="1">
      <alignment vertical="center" shrinkToFit="1"/>
    </xf>
    <xf numFmtId="176" fontId="2" fillId="0" borderId="0" xfId="0" applyNumberFormat="1" applyFont="1" applyFill="1" applyBorder="1" applyAlignment="1">
      <alignment horizontal="left" vertical="center"/>
    </xf>
    <xf numFmtId="176" fontId="6" fillId="0" borderId="0" xfId="0" applyNumberFormat="1" applyFont="1" applyFill="1" applyBorder="1" applyAlignment="1">
      <alignment horizontal="center" vertical="center" shrinkToFit="1"/>
    </xf>
    <xf numFmtId="176" fontId="3" fillId="0" borderId="0" xfId="0" applyNumberFormat="1" applyFont="1" applyFill="1" applyBorder="1" applyAlignment="1">
      <alignment horizontal="distributed" vertical="center" shrinkToFit="1"/>
    </xf>
    <xf numFmtId="176" fontId="3" fillId="0" borderId="2" xfId="0" applyNumberFormat="1" applyFont="1" applyFill="1" applyBorder="1" applyAlignment="1">
      <alignment vertical="center" shrinkToFit="1"/>
    </xf>
    <xf numFmtId="176" fontId="3" fillId="0" borderId="2" xfId="0" applyNumberFormat="1" applyFont="1" applyFill="1" applyBorder="1" applyAlignment="1">
      <alignment horizontal="distributed" vertical="center" shrinkToFit="1"/>
    </xf>
    <xf numFmtId="176" fontId="2" fillId="0" borderId="0" xfId="0" applyNumberFormat="1" applyFont="1" applyFill="1" applyBorder="1" applyAlignment="1">
      <alignment vertical="top" shrinkToFit="1"/>
    </xf>
    <xf numFmtId="176" fontId="2" fillId="0" borderId="0" xfId="0" applyNumberFormat="1" applyFont="1" applyFill="1" applyBorder="1" applyAlignment="1">
      <alignment horizontal="left" vertical="top" shrinkToFit="1"/>
    </xf>
    <xf numFmtId="176" fontId="2" fillId="0" borderId="6" xfId="0" applyNumberFormat="1" applyFont="1" applyFill="1" applyBorder="1" applyAlignment="1">
      <alignment horizontal="left" vertical="top" shrinkToFit="1"/>
    </xf>
    <xf numFmtId="176" fontId="5" fillId="0" borderId="8" xfId="0" applyNumberFormat="1" applyFont="1" applyFill="1" applyBorder="1" applyAlignment="1">
      <alignment vertical="center"/>
    </xf>
    <xf numFmtId="176" fontId="5" fillId="0" borderId="3" xfId="0" applyNumberFormat="1" applyFont="1" applyFill="1" applyBorder="1" applyAlignment="1">
      <alignment vertical="center"/>
    </xf>
    <xf numFmtId="176" fontId="3" fillId="0" borderId="2" xfId="0" applyNumberFormat="1" applyFont="1" applyFill="1" applyBorder="1" applyAlignment="1">
      <alignment horizontal="center" vertical="center"/>
    </xf>
    <xf numFmtId="176" fontId="3" fillId="0" borderId="0"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6" fillId="0" borderId="3" xfId="0" applyNumberFormat="1" applyFont="1" applyFill="1" applyBorder="1" applyAlignment="1">
      <alignment vertical="center" wrapText="1" shrinkToFit="1"/>
    </xf>
    <xf numFmtId="176" fontId="6" fillId="0" borderId="0" xfId="0" applyNumberFormat="1" applyFont="1" applyFill="1" applyBorder="1" applyAlignment="1">
      <alignment vertical="center" wrapText="1"/>
    </xf>
    <xf numFmtId="176" fontId="2" fillId="0" borderId="4" xfId="0" applyNumberFormat="1" applyFont="1" applyFill="1" applyBorder="1" applyAlignment="1">
      <alignment vertical="center"/>
    </xf>
    <xf numFmtId="176" fontId="2" fillId="0" borderId="0" xfId="0" applyNumberFormat="1" applyFont="1" applyFill="1" applyBorder="1" applyAlignment="1">
      <alignment vertical="center"/>
    </xf>
    <xf numFmtId="176" fontId="2" fillId="0" borderId="0" xfId="0" applyNumberFormat="1" applyFont="1" applyFill="1" applyBorder="1" applyAlignment="1">
      <alignment horizontal="center" vertical="center"/>
    </xf>
    <xf numFmtId="176" fontId="2" fillId="0" borderId="6" xfId="0" applyNumberFormat="1" applyFont="1" applyFill="1" applyBorder="1" applyAlignment="1">
      <alignment horizontal="center" vertical="center"/>
    </xf>
    <xf numFmtId="176" fontId="3" fillId="0" borderId="80"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79" xfId="0" applyNumberFormat="1" applyFont="1" applyFill="1" applyBorder="1" applyAlignment="1">
      <alignment horizontal="center" vertical="center"/>
    </xf>
    <xf numFmtId="0" fontId="11" fillId="2" borderId="0" xfId="0" applyFont="1" applyFill="1" applyAlignment="1">
      <alignment horizontal="center" vertical="center"/>
    </xf>
    <xf numFmtId="176" fontId="3" fillId="0" borderId="11"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2" xfId="0" applyNumberFormat="1" applyFont="1" applyFill="1" applyBorder="1" applyAlignment="1">
      <alignment horizontal="right" vertical="center"/>
    </xf>
    <xf numFmtId="176" fontId="3" fillId="0" borderId="4" xfId="0" applyNumberFormat="1" applyFont="1" applyFill="1" applyBorder="1" applyAlignment="1">
      <alignment horizontal="center" vertical="center"/>
    </xf>
    <xf numFmtId="176" fontId="3" fillId="0" borderId="0" xfId="0" applyNumberFormat="1" applyFont="1" applyFill="1" applyBorder="1" applyAlignment="1">
      <alignment horizontal="right" vertical="center"/>
    </xf>
    <xf numFmtId="176" fontId="3" fillId="0" borderId="5"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3" fillId="0" borderId="1" xfId="0" applyNumberFormat="1" applyFont="1" applyFill="1" applyBorder="1" applyAlignment="1">
      <alignment horizontal="distributed" vertical="center"/>
    </xf>
    <xf numFmtId="176" fontId="3" fillId="0" borderId="0" xfId="0" applyNumberFormat="1" applyFont="1" applyFill="1" applyBorder="1" applyAlignment="1">
      <alignment horizontal="left" vertical="top"/>
    </xf>
    <xf numFmtId="176" fontId="3" fillId="0" borderId="0" xfId="0" applyNumberFormat="1" applyFont="1" applyFill="1" applyBorder="1" applyAlignment="1">
      <alignment horizontal="left" vertical="top" wrapText="1"/>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3" fillId="0" borderId="30"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27" xfId="0" applyNumberFormat="1" applyFont="1" applyFill="1" applyBorder="1" applyAlignment="1">
      <alignment vertical="center"/>
    </xf>
    <xf numFmtId="176" fontId="3" fillId="0" borderId="28"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25" xfId="0" applyNumberFormat="1" applyFont="1" applyFill="1" applyBorder="1" applyAlignment="1">
      <alignment vertical="center"/>
    </xf>
    <xf numFmtId="176" fontId="3" fillId="0" borderId="45" xfId="0" applyNumberFormat="1" applyFont="1" applyFill="1" applyBorder="1" applyAlignment="1">
      <alignment vertical="center"/>
    </xf>
    <xf numFmtId="176" fontId="3" fillId="0" borderId="46" xfId="0" applyNumberFormat="1" applyFont="1" applyFill="1" applyBorder="1" applyAlignment="1">
      <alignment vertical="center"/>
    </xf>
    <xf numFmtId="176" fontId="3" fillId="0" borderId="20"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47" xfId="0" applyNumberFormat="1" applyFont="1" applyFill="1" applyBorder="1" applyAlignment="1">
      <alignment vertical="center"/>
    </xf>
    <xf numFmtId="176" fontId="3" fillId="0" borderId="0" xfId="0" applyNumberFormat="1" applyFont="1" applyFill="1" applyBorder="1" applyAlignment="1">
      <alignment horizontal="distributed"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79" xfId="0" applyNumberFormat="1" applyFont="1" applyFill="1" applyBorder="1" applyAlignment="1">
      <alignment vertical="center"/>
    </xf>
    <xf numFmtId="176" fontId="3" fillId="0" borderId="80" xfId="0" applyNumberFormat="1" applyFont="1" applyFill="1" applyBorder="1" applyAlignment="1">
      <alignment vertical="center"/>
    </xf>
    <xf numFmtId="176" fontId="3" fillId="0" borderId="12" xfId="0" applyNumberFormat="1" applyFont="1" applyFill="1" applyBorder="1" applyAlignment="1">
      <alignment horizontal="center" vertical="center"/>
    </xf>
    <xf numFmtId="176" fontId="3" fillId="0" borderId="29" xfId="0" applyNumberFormat="1" applyFont="1" applyFill="1" applyBorder="1" applyAlignment="1">
      <alignment vertical="center"/>
    </xf>
    <xf numFmtId="176" fontId="3" fillId="0" borderId="30" xfId="0" applyNumberFormat="1" applyFont="1" applyFill="1" applyBorder="1" applyAlignment="1">
      <alignment vertical="center"/>
    </xf>
    <xf numFmtId="176" fontId="3" fillId="0" borderId="31" xfId="0" applyNumberFormat="1" applyFont="1" applyFill="1" applyBorder="1" applyAlignment="1">
      <alignment vertical="center"/>
    </xf>
    <xf numFmtId="176" fontId="3" fillId="0" borderId="3" xfId="0" applyNumberFormat="1" applyFont="1" applyFill="1" applyBorder="1" applyAlignment="1">
      <alignment horizontal="distributed" vertical="center"/>
    </xf>
    <xf numFmtId="176" fontId="3" fillId="0" borderId="8" xfId="0" applyNumberFormat="1" applyFont="1" applyFill="1" applyBorder="1" applyAlignment="1">
      <alignment vertical="center"/>
    </xf>
    <xf numFmtId="176" fontId="3" fillId="0" borderId="3" xfId="0" applyNumberFormat="1" applyFont="1" applyFill="1" applyBorder="1" applyAlignment="1">
      <alignment vertical="center"/>
    </xf>
    <xf numFmtId="176" fontId="3" fillId="0" borderId="9" xfId="0" applyNumberFormat="1" applyFont="1" applyFill="1" applyBorder="1" applyAlignment="1">
      <alignment vertical="center"/>
    </xf>
    <xf numFmtId="176" fontId="6" fillId="0" borderId="3" xfId="0" applyNumberFormat="1" applyFont="1" applyFill="1" applyBorder="1" applyAlignment="1">
      <alignment horizontal="center" vertical="center" wrapText="1"/>
    </xf>
    <xf numFmtId="176" fontId="3" fillId="0" borderId="2" xfId="0" applyNumberFormat="1" applyFont="1" applyFill="1" applyBorder="1" applyAlignment="1">
      <alignment vertical="center"/>
    </xf>
    <xf numFmtId="176" fontId="3" fillId="0" borderId="0" xfId="0" applyNumberFormat="1" applyFont="1" applyFill="1" applyBorder="1" applyAlignment="1">
      <alignment vertical="center"/>
    </xf>
    <xf numFmtId="176" fontId="3" fillId="0" borderId="3" xfId="0" applyNumberFormat="1" applyFont="1" applyFill="1" applyBorder="1" applyAlignment="1">
      <alignment horizontal="right" vertical="center"/>
    </xf>
    <xf numFmtId="176" fontId="2" fillId="0" borderId="0" xfId="0" applyNumberFormat="1" applyFont="1" applyFill="1" applyBorder="1" applyAlignment="1">
      <alignment horizontal="left" vertical="top" wrapText="1"/>
    </xf>
    <xf numFmtId="176" fontId="2" fillId="0" borderId="3" xfId="0" applyNumberFormat="1" applyFont="1" applyFill="1" applyBorder="1" applyAlignment="1">
      <alignment horizontal="left" vertical="top" wrapText="1"/>
    </xf>
    <xf numFmtId="176" fontId="3" fillId="0" borderId="2" xfId="0" applyNumberFormat="1" applyFont="1" applyFill="1" applyBorder="1" applyAlignment="1">
      <alignment horizontal="center" vertical="center" shrinkToFit="1"/>
    </xf>
    <xf numFmtId="176" fontId="3" fillId="0" borderId="0" xfId="0" applyNumberFormat="1" applyFont="1" applyFill="1" applyBorder="1" applyAlignment="1">
      <alignment horizontal="center" vertical="center" shrinkToFit="1"/>
    </xf>
    <xf numFmtId="0" fontId="10" fillId="0" borderId="0" xfId="0" applyFont="1"/>
    <xf numFmtId="176" fontId="10" fillId="0" borderId="0"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xf>
    <xf numFmtId="176" fontId="3" fillId="0" borderId="0"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6" fillId="0" borderId="0" xfId="0" applyNumberFormat="1" applyFont="1" applyFill="1" applyBorder="1" applyAlignment="1">
      <alignment vertical="center" shrinkToFit="1"/>
    </xf>
    <xf numFmtId="176" fontId="6" fillId="0" borderId="3" xfId="0" applyNumberFormat="1" applyFont="1" applyFill="1" applyBorder="1" applyAlignment="1">
      <alignment vertical="center" wrapText="1" shrinkToFit="1"/>
    </xf>
    <xf numFmtId="176" fontId="6" fillId="0" borderId="3" xfId="0" applyNumberFormat="1" applyFont="1" applyFill="1" applyBorder="1" applyAlignment="1">
      <alignment horizontal="center" vertical="center" wrapText="1" shrinkToFit="1"/>
    </xf>
    <xf numFmtId="176" fontId="2" fillId="0" borderId="10" xfId="0" applyNumberFormat="1" applyFont="1" applyFill="1" applyBorder="1" applyAlignment="1">
      <alignment vertical="center"/>
    </xf>
    <xf numFmtId="176" fontId="2" fillId="0" borderId="1" xfId="0" applyNumberFormat="1" applyFont="1" applyFill="1" applyBorder="1" applyAlignment="1">
      <alignment vertical="center"/>
    </xf>
    <xf numFmtId="176" fontId="2" fillId="0" borderId="1" xfId="0" applyNumberFormat="1" applyFont="1" applyFill="1" applyBorder="1" applyAlignment="1">
      <alignment horizontal="center" vertical="center"/>
    </xf>
    <xf numFmtId="176" fontId="2" fillId="0" borderId="2" xfId="0" applyNumberFormat="1" applyFont="1" applyFill="1" applyBorder="1" applyAlignment="1">
      <alignment horizontal="center" vertical="center"/>
    </xf>
    <xf numFmtId="176" fontId="2" fillId="0" borderId="84" xfId="0" applyNumberFormat="1" applyFont="1" applyFill="1" applyBorder="1" applyAlignment="1">
      <alignment vertical="center"/>
    </xf>
    <xf numFmtId="176" fontId="6" fillId="0" borderId="0" xfId="0" applyNumberFormat="1" applyFont="1" applyFill="1" applyBorder="1" applyAlignment="1">
      <alignment vertical="center" wrapText="1"/>
    </xf>
    <xf numFmtId="176" fontId="2" fillId="0" borderId="4" xfId="0" applyNumberFormat="1" applyFont="1" applyFill="1" applyBorder="1" applyAlignment="1">
      <alignment vertical="center"/>
    </xf>
    <xf numFmtId="176" fontId="2" fillId="0" borderId="0" xfId="0" applyNumberFormat="1" applyFont="1" applyFill="1" applyBorder="1" applyAlignment="1">
      <alignment vertical="center"/>
    </xf>
    <xf numFmtId="176" fontId="2" fillId="0" borderId="0" xfId="0" applyNumberFormat="1" applyFont="1" applyFill="1" applyBorder="1" applyAlignment="1">
      <alignment horizontal="center" vertical="center"/>
    </xf>
    <xf numFmtId="176" fontId="2" fillId="0" borderId="6" xfId="0" applyNumberFormat="1" applyFont="1" applyFill="1" applyBorder="1" applyAlignment="1">
      <alignment horizontal="center" vertical="center"/>
    </xf>
    <xf numFmtId="176" fontId="2" fillId="0" borderId="4" xfId="0" applyNumberFormat="1" applyFont="1" applyFill="1" applyBorder="1" applyAlignment="1">
      <alignment horizontal="center" vertical="center"/>
    </xf>
    <xf numFmtId="176" fontId="2" fillId="0" borderId="86" xfId="0" applyNumberFormat="1" applyFont="1" applyFill="1" applyBorder="1" applyAlignment="1">
      <alignment horizontal="center" vertical="center"/>
    </xf>
    <xf numFmtId="176" fontId="2" fillId="0" borderId="4" xfId="0" applyNumberFormat="1" applyFont="1" applyFill="1" applyBorder="1" applyAlignment="1"/>
    <xf numFmtId="176" fontId="2" fillId="0" borderId="0" xfId="0" applyNumberFormat="1" applyFont="1" applyFill="1" applyBorder="1" applyAlignment="1"/>
    <xf numFmtId="176" fontId="6" fillId="0" borderId="0" xfId="0" applyNumberFormat="1" applyFont="1" applyFill="1" applyBorder="1" applyAlignment="1">
      <alignment vertical="center"/>
    </xf>
    <xf numFmtId="176" fontId="6" fillId="0" borderId="4" xfId="0" applyNumberFormat="1" applyFont="1" applyFill="1" applyBorder="1" applyAlignment="1">
      <alignment horizontal="left" wrapText="1"/>
    </xf>
    <xf numFmtId="176" fontId="6" fillId="0" borderId="0" xfId="0" applyNumberFormat="1" applyFont="1" applyFill="1" applyBorder="1" applyAlignment="1">
      <alignment horizontal="left" wrapText="1"/>
    </xf>
    <xf numFmtId="176" fontId="6" fillId="0" borderId="6" xfId="0" applyNumberFormat="1" applyFont="1" applyFill="1" applyBorder="1" applyAlignment="1">
      <alignment horizontal="left" wrapText="1"/>
    </xf>
    <xf numFmtId="176" fontId="2" fillId="0" borderId="0" xfId="0" applyNumberFormat="1" applyFont="1" applyFill="1" applyBorder="1" applyAlignment="1">
      <alignment horizontal="center" vertical="center" shrinkToFit="1"/>
    </xf>
    <xf numFmtId="176" fontId="3" fillId="0" borderId="80" xfId="0" applyNumberFormat="1" applyFont="1" applyFill="1" applyBorder="1" applyAlignment="1">
      <alignment horizontal="center" vertical="center"/>
    </xf>
    <xf numFmtId="176" fontId="6" fillId="0" borderId="5" xfId="0" applyNumberFormat="1" applyFont="1" applyFill="1" applyBorder="1" applyAlignment="1">
      <alignment vertical="center"/>
    </xf>
    <xf numFmtId="176" fontId="6" fillId="0" borderId="2" xfId="0" applyNumberFormat="1" applyFont="1" applyFill="1" applyBorder="1" applyAlignment="1">
      <alignment vertical="center"/>
    </xf>
    <xf numFmtId="176" fontId="6" fillId="0" borderId="11" xfId="0" applyNumberFormat="1" applyFont="1" applyFill="1" applyBorder="1" applyAlignment="1">
      <alignment vertical="center"/>
    </xf>
    <xf numFmtId="176" fontId="2" fillId="0" borderId="5" xfId="0" applyNumberFormat="1" applyFont="1" applyFill="1" applyBorder="1" applyAlignment="1">
      <alignment vertical="center"/>
    </xf>
    <xf numFmtId="176" fontId="2" fillId="0" borderId="2" xfId="0" applyNumberFormat="1" applyFont="1" applyFill="1" applyBorder="1" applyAlignment="1">
      <alignment vertical="center"/>
    </xf>
    <xf numFmtId="176" fontId="2" fillId="0" borderId="11" xfId="0" applyNumberFormat="1" applyFont="1" applyFill="1" applyBorder="1" applyAlignment="1">
      <alignment horizontal="center" vertical="center"/>
    </xf>
    <xf numFmtId="176" fontId="2" fillId="0" borderId="7" xfId="0" applyNumberFormat="1" applyFont="1" applyFill="1" applyBorder="1" applyAlignment="1">
      <alignment horizontal="center" vertical="center"/>
    </xf>
    <xf numFmtId="176" fontId="3" fillId="0" borderId="19" xfId="0" applyNumberFormat="1" applyFont="1" applyFill="1" applyBorder="1" applyAlignment="1">
      <alignment horizontal="center" vertical="center" wrapText="1"/>
    </xf>
    <xf numFmtId="176" fontId="3" fillId="0" borderId="20" xfId="0" applyNumberFormat="1" applyFont="1" applyFill="1" applyBorder="1" applyAlignment="1">
      <alignment horizontal="center" vertical="center" wrapText="1"/>
    </xf>
    <xf numFmtId="176" fontId="3" fillId="0" borderId="21" xfId="0" applyNumberFormat="1" applyFont="1" applyFill="1" applyBorder="1" applyAlignment="1">
      <alignment horizontal="center" vertical="center" wrapText="1"/>
    </xf>
    <xf numFmtId="176" fontId="3" fillId="0" borderId="4" xfId="0" applyNumberFormat="1" applyFont="1" applyFill="1" applyBorder="1" applyAlignment="1">
      <alignment horizontal="center" vertical="center" wrapText="1"/>
    </xf>
    <xf numFmtId="176" fontId="3" fillId="0" borderId="0" xfId="0" applyNumberFormat="1" applyFont="1" applyFill="1" applyBorder="1" applyAlignment="1">
      <alignment horizontal="center" vertical="center" wrapText="1"/>
    </xf>
    <xf numFmtId="176" fontId="3" fillId="0" borderId="6" xfId="0" applyNumberFormat="1" applyFont="1" applyFill="1" applyBorder="1" applyAlignment="1">
      <alignment horizontal="center" vertical="center" wrapText="1"/>
    </xf>
    <xf numFmtId="176" fontId="3" fillId="0" borderId="8" xfId="0" applyNumberFormat="1" applyFont="1" applyFill="1" applyBorder="1" applyAlignment="1">
      <alignment horizontal="center" vertical="center" wrapText="1"/>
    </xf>
    <xf numFmtId="176" fontId="3" fillId="0" borderId="3" xfId="0" applyNumberFormat="1" applyFont="1" applyFill="1" applyBorder="1" applyAlignment="1">
      <alignment horizontal="center" vertical="center" wrapText="1"/>
    </xf>
    <xf numFmtId="176" fontId="3" fillId="0" borderId="9" xfId="0" applyNumberFormat="1" applyFont="1" applyFill="1" applyBorder="1" applyAlignment="1">
      <alignment horizontal="center" vertical="center" wrapText="1"/>
    </xf>
    <xf numFmtId="176" fontId="4" fillId="0" borderId="19" xfId="0" applyNumberFormat="1" applyFont="1" applyFill="1" applyBorder="1" applyAlignment="1">
      <alignment horizontal="center" vertical="center"/>
    </xf>
    <xf numFmtId="176" fontId="4" fillId="0" borderId="20" xfId="0" applyNumberFormat="1" applyFont="1" applyFill="1" applyBorder="1" applyAlignment="1">
      <alignment horizontal="center" vertical="center"/>
    </xf>
    <xf numFmtId="176" fontId="4" fillId="0" borderId="21" xfId="0" applyNumberFormat="1" applyFont="1" applyFill="1" applyBorder="1" applyAlignment="1">
      <alignment horizontal="center" vertical="center"/>
    </xf>
    <xf numFmtId="176" fontId="4" fillId="0" borderId="4" xfId="0" applyNumberFormat="1" applyFont="1" applyFill="1" applyBorder="1" applyAlignment="1">
      <alignment horizontal="center" vertical="center"/>
    </xf>
    <xf numFmtId="176" fontId="4" fillId="0" borderId="0" xfId="0" applyNumberFormat="1" applyFont="1" applyFill="1" applyBorder="1" applyAlignment="1">
      <alignment horizontal="center" vertical="center"/>
    </xf>
    <xf numFmtId="176" fontId="4" fillId="0" borderId="6" xfId="0" applyNumberFormat="1" applyFont="1" applyFill="1" applyBorder="1" applyAlignment="1">
      <alignment horizontal="center" vertical="center"/>
    </xf>
    <xf numFmtId="176" fontId="4" fillId="0" borderId="45" xfId="0" applyNumberFormat="1" applyFont="1" applyFill="1" applyBorder="1" applyAlignment="1">
      <alignment horizontal="center" vertical="center"/>
    </xf>
    <xf numFmtId="176" fontId="4" fillId="0" borderId="46" xfId="0" applyNumberFormat="1" applyFont="1" applyFill="1" applyBorder="1" applyAlignment="1">
      <alignment horizontal="center" vertical="center"/>
    </xf>
    <xf numFmtId="176" fontId="4" fillId="0" borderId="47" xfId="0" applyNumberFormat="1" applyFont="1" applyFill="1" applyBorder="1" applyAlignment="1">
      <alignment horizontal="center" vertical="center"/>
    </xf>
    <xf numFmtId="176" fontId="4" fillId="0" borderId="2" xfId="0" applyNumberFormat="1" applyFont="1" applyFill="1" applyBorder="1" applyAlignment="1">
      <alignment horizontal="left" vertical="center" wrapText="1" shrinkToFit="1"/>
    </xf>
    <xf numFmtId="176" fontId="4" fillId="0" borderId="0" xfId="0" applyNumberFormat="1" applyFont="1" applyFill="1" applyBorder="1" applyAlignment="1">
      <alignment horizontal="left" vertical="center" wrapText="1" shrinkToFit="1"/>
    </xf>
    <xf numFmtId="176" fontId="3" fillId="0" borderId="45" xfId="0" applyNumberFormat="1" applyFont="1" applyFill="1" applyBorder="1" applyAlignment="1">
      <alignment horizontal="center" vertical="center" wrapText="1"/>
    </xf>
    <xf numFmtId="176" fontId="3" fillId="0" borderId="46" xfId="0" applyNumberFormat="1" applyFont="1" applyFill="1" applyBorder="1" applyAlignment="1">
      <alignment horizontal="center" vertical="center" wrapText="1"/>
    </xf>
    <xf numFmtId="176" fontId="3" fillId="0" borderId="47" xfId="0" applyNumberFormat="1" applyFont="1" applyFill="1" applyBorder="1" applyAlignment="1">
      <alignment horizontal="center" vertical="center" wrapText="1"/>
    </xf>
    <xf numFmtId="176" fontId="3" fillId="0" borderId="1" xfId="0" applyNumberFormat="1" applyFont="1" applyFill="1" applyBorder="1" applyAlignment="1">
      <alignment horizontal="center" vertical="center"/>
    </xf>
    <xf numFmtId="176" fontId="3" fillId="0" borderId="79" xfId="0" applyNumberFormat="1" applyFont="1" applyFill="1" applyBorder="1" applyAlignment="1">
      <alignment horizontal="center" vertical="center"/>
    </xf>
    <xf numFmtId="176" fontId="3" fillId="0" borderId="81" xfId="0" applyNumberFormat="1" applyFont="1" applyFill="1" applyBorder="1" applyAlignment="1">
      <alignment horizontal="center" vertical="center"/>
    </xf>
    <xf numFmtId="0" fontId="3" fillId="3" borderId="0" xfId="0" applyFont="1" applyFill="1" applyAlignment="1">
      <alignment horizontal="left" vertical="center"/>
    </xf>
    <xf numFmtId="0" fontId="11" fillId="2" borderId="0" xfId="0" applyFont="1" applyFill="1" applyAlignment="1">
      <alignment horizontal="center" vertical="center"/>
    </xf>
    <xf numFmtId="0" fontId="10" fillId="0" borderId="0" xfId="0" applyFont="1" applyBorder="1" applyAlignment="1">
      <alignment horizontal="center" vertical="center"/>
    </xf>
    <xf numFmtId="0" fontId="10" fillId="0" borderId="0" xfId="0" applyFont="1" applyFill="1" applyBorder="1" applyAlignment="1">
      <alignment horizontal="center" vertical="center"/>
    </xf>
    <xf numFmtId="0" fontId="10" fillId="0" borderId="0" xfId="0" applyFont="1" applyAlignment="1">
      <alignment horizontal="center" vertical="center"/>
    </xf>
    <xf numFmtId="0" fontId="12" fillId="2" borderId="0" xfId="0" applyFont="1" applyFill="1" applyAlignment="1">
      <alignment horizontal="left" vertical="center"/>
    </xf>
    <xf numFmtId="0" fontId="10" fillId="0" borderId="0" xfId="0" applyFont="1" applyFill="1" applyBorder="1" applyAlignment="1">
      <alignment horizontal="center" vertical="center" wrapText="1"/>
    </xf>
    <xf numFmtId="0" fontId="3" fillId="0" borderId="0" xfId="0" applyFont="1" applyFill="1" applyBorder="1" applyAlignment="1">
      <alignment horizontal="left" vertical="center"/>
    </xf>
    <xf numFmtId="0" fontId="10" fillId="0" borderId="100" xfId="0" applyFont="1" applyBorder="1" applyAlignment="1">
      <alignment horizontal="center" vertical="center"/>
    </xf>
    <xf numFmtId="0" fontId="13" fillId="0" borderId="95" xfId="0" applyFont="1" applyFill="1" applyBorder="1" applyAlignment="1">
      <alignment horizontal="center" vertical="center"/>
    </xf>
    <xf numFmtId="0" fontId="13" fillId="0" borderId="0" xfId="0" applyFont="1" applyFill="1" applyBorder="1" applyAlignment="1">
      <alignment horizontal="center" vertical="center"/>
    </xf>
    <xf numFmtId="0" fontId="13" fillId="0" borderId="94" xfId="0" applyFont="1" applyFill="1" applyBorder="1" applyAlignment="1">
      <alignment horizontal="center" vertical="center"/>
    </xf>
    <xf numFmtId="0" fontId="10" fillId="0" borderId="95" xfId="0" applyFont="1" applyBorder="1" applyAlignment="1">
      <alignment horizontal="center" vertical="center"/>
    </xf>
    <xf numFmtId="0" fontId="10" fillId="0" borderId="94" xfId="0" applyFont="1" applyBorder="1" applyAlignment="1">
      <alignment horizontal="center" vertical="center"/>
    </xf>
    <xf numFmtId="0" fontId="10" fillId="0" borderId="100" xfId="0" applyFont="1" applyBorder="1" applyAlignment="1">
      <alignment horizontal="center" vertical="center" wrapText="1"/>
    </xf>
    <xf numFmtId="0" fontId="10" fillId="0" borderId="94" xfId="0" applyFont="1" applyFill="1" applyBorder="1" applyAlignment="1">
      <alignment horizontal="center" vertical="center"/>
    </xf>
    <xf numFmtId="176" fontId="3" fillId="0" borderId="10" xfId="0" applyNumberFormat="1" applyFont="1" applyFill="1" applyBorder="1" applyAlignment="1">
      <alignment horizontal="center" vertical="center" wrapText="1"/>
    </xf>
    <xf numFmtId="176" fontId="3" fillId="0" borderId="1" xfId="0" applyNumberFormat="1" applyFont="1" applyFill="1" applyBorder="1" applyAlignment="1">
      <alignment horizontal="center" vertical="center" wrapText="1"/>
    </xf>
    <xf numFmtId="176" fontId="3" fillId="0" borderId="7" xfId="0" applyNumberFormat="1" applyFont="1" applyFill="1" applyBorder="1" applyAlignment="1">
      <alignment horizontal="center" vertical="center" wrapText="1"/>
    </xf>
    <xf numFmtId="176" fontId="3" fillId="0" borderId="10"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0" fontId="10" fillId="2" borderId="0" xfId="0" applyFont="1" applyFill="1" applyAlignment="1">
      <alignment horizontal="left" vertical="center"/>
    </xf>
    <xf numFmtId="0" fontId="12" fillId="0" borderId="0" xfId="0" applyFont="1" applyBorder="1" applyAlignment="1">
      <alignment horizontal="left" vertical="center"/>
    </xf>
    <xf numFmtId="0" fontId="12" fillId="0" borderId="0" xfId="0" applyFont="1" applyAlignment="1">
      <alignment horizontal="left" vertical="center"/>
    </xf>
    <xf numFmtId="0" fontId="10" fillId="0" borderId="102" xfId="0" applyFont="1" applyBorder="1" applyAlignment="1">
      <alignment horizontal="center" vertical="center"/>
    </xf>
    <xf numFmtId="0" fontId="10" fillId="0" borderId="98" xfId="0" applyFont="1" applyBorder="1" applyAlignment="1">
      <alignment horizontal="center" vertical="center"/>
    </xf>
    <xf numFmtId="0" fontId="10" fillId="0" borderId="96" xfId="0" applyFont="1" applyBorder="1" applyAlignment="1">
      <alignment horizontal="center" vertical="center"/>
    </xf>
    <xf numFmtId="176" fontId="4" fillId="0" borderId="2" xfId="0" applyNumberFormat="1" applyFont="1" applyFill="1" applyBorder="1" applyAlignment="1">
      <alignment horizontal="center" vertical="center"/>
    </xf>
    <xf numFmtId="176" fontId="5" fillId="0" borderId="3" xfId="0" applyNumberFormat="1" applyFont="1" applyFill="1" applyBorder="1" applyAlignment="1">
      <alignment horizontal="center" vertical="center"/>
    </xf>
    <xf numFmtId="176" fontId="5" fillId="0" borderId="9" xfId="0" applyNumberFormat="1" applyFont="1" applyFill="1" applyBorder="1" applyAlignment="1">
      <alignment horizontal="center" vertical="center"/>
    </xf>
    <xf numFmtId="0" fontId="10" fillId="0" borderId="0" xfId="0" applyFont="1" applyAlignment="1">
      <alignment horizontal="left" vertical="center"/>
    </xf>
    <xf numFmtId="0" fontId="4" fillId="2" borderId="0" xfId="0" applyFont="1" applyFill="1" applyAlignment="1">
      <alignment horizontal="left" vertical="center" wrapText="1"/>
    </xf>
    <xf numFmtId="0" fontId="4" fillId="2" borderId="0" xfId="0" applyFont="1" applyFill="1" applyAlignment="1">
      <alignment horizontal="left" vertical="center"/>
    </xf>
    <xf numFmtId="0" fontId="3" fillId="2" borderId="0" xfId="0" applyFont="1" applyFill="1" applyAlignment="1">
      <alignment horizontal="left" vertical="center"/>
    </xf>
    <xf numFmtId="176" fontId="4" fillId="0" borderId="0" xfId="0" applyNumberFormat="1" applyFont="1" applyFill="1" applyBorder="1" applyAlignment="1">
      <alignment horizontal="left" vertical="center" wrapText="1"/>
    </xf>
    <xf numFmtId="176" fontId="3" fillId="0" borderId="10" xfId="0" applyNumberFormat="1" applyFont="1" applyFill="1" applyBorder="1" applyAlignment="1">
      <alignment horizontal="center" vertical="center" shrinkToFit="1"/>
    </xf>
    <xf numFmtId="176" fontId="3" fillId="0" borderId="1" xfId="0" applyNumberFormat="1" applyFont="1" applyFill="1" applyBorder="1" applyAlignment="1">
      <alignment horizontal="center" vertical="center" shrinkToFit="1"/>
    </xf>
    <xf numFmtId="176" fontId="2" fillId="0" borderId="16" xfId="0" applyNumberFormat="1" applyFont="1" applyFill="1" applyBorder="1" applyAlignment="1">
      <alignment horizontal="center" vertical="center"/>
    </xf>
    <xf numFmtId="176" fontId="2" fillId="0" borderId="10" xfId="0" applyNumberFormat="1" applyFont="1" applyFill="1" applyBorder="1" applyAlignment="1">
      <alignment horizontal="center" vertical="center"/>
    </xf>
    <xf numFmtId="176" fontId="3" fillId="0" borderId="71"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textRotation="255"/>
    </xf>
    <xf numFmtId="176" fontId="3" fillId="0" borderId="2"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textRotation="255"/>
    </xf>
    <xf numFmtId="176" fontId="3" fillId="0" borderId="4"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6"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9" xfId="0" applyNumberFormat="1" applyFont="1" applyFill="1" applyBorder="1" applyAlignment="1">
      <alignment horizontal="center" vertical="center" textRotation="255"/>
    </xf>
    <xf numFmtId="176" fontId="5" fillId="0" borderId="48" xfId="0" applyNumberFormat="1" applyFont="1" applyFill="1" applyBorder="1" applyAlignment="1">
      <alignment horizontal="center" vertical="center" wrapText="1"/>
    </xf>
    <xf numFmtId="176" fontId="5" fillId="0" borderId="49" xfId="0" applyNumberFormat="1" applyFont="1" applyFill="1" applyBorder="1" applyAlignment="1">
      <alignment horizontal="center" vertical="center" wrapText="1"/>
    </xf>
    <xf numFmtId="176" fontId="5" fillId="0" borderId="50" xfId="0" applyNumberFormat="1" applyFont="1" applyFill="1" applyBorder="1" applyAlignment="1">
      <alignment horizontal="center" vertical="center" wrapText="1"/>
    </xf>
    <xf numFmtId="176" fontId="5" fillId="0" borderId="76" xfId="0" applyNumberFormat="1" applyFont="1" applyFill="1" applyBorder="1" applyAlignment="1">
      <alignment horizontal="center" vertical="center" wrapText="1"/>
    </xf>
    <xf numFmtId="176" fontId="5" fillId="0" borderId="77" xfId="0" applyNumberFormat="1" applyFont="1" applyFill="1" applyBorder="1" applyAlignment="1">
      <alignment horizontal="center" vertical="center" wrapText="1"/>
    </xf>
    <xf numFmtId="176" fontId="5" fillId="0" borderId="78" xfId="0" applyNumberFormat="1" applyFont="1" applyFill="1" applyBorder="1" applyAlignment="1">
      <alignment horizontal="center" vertical="center" wrapText="1"/>
    </xf>
    <xf numFmtId="176" fontId="5" fillId="0" borderId="51" xfId="0" applyNumberFormat="1" applyFont="1" applyFill="1" applyBorder="1" applyAlignment="1">
      <alignment horizontal="center" vertical="center" wrapText="1"/>
    </xf>
    <xf numFmtId="176" fontId="5" fillId="0" borderId="52" xfId="0" applyNumberFormat="1" applyFont="1" applyFill="1" applyBorder="1" applyAlignment="1">
      <alignment horizontal="center" vertical="center" wrapText="1"/>
    </xf>
    <xf numFmtId="176" fontId="5" fillId="0" borderId="53" xfId="0" applyNumberFormat="1" applyFont="1" applyFill="1" applyBorder="1" applyAlignment="1">
      <alignment horizontal="center" vertical="center" wrapText="1"/>
    </xf>
    <xf numFmtId="176" fontId="5" fillId="0" borderId="1" xfId="0" applyNumberFormat="1" applyFont="1" applyFill="1" applyBorder="1" applyAlignment="1">
      <alignment horizontal="left" vertical="center" wrapText="1"/>
    </xf>
    <xf numFmtId="176" fontId="3" fillId="0" borderId="5"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2" fillId="0" borderId="83" xfId="0" applyNumberFormat="1" applyFont="1" applyFill="1" applyBorder="1" applyAlignment="1">
      <alignment horizontal="center" vertical="center"/>
    </xf>
    <xf numFmtId="176" fontId="3" fillId="0" borderId="2" xfId="0" applyNumberFormat="1" applyFont="1" applyFill="1" applyBorder="1" applyAlignment="1">
      <alignment horizontal="right" vertical="center"/>
    </xf>
    <xf numFmtId="176" fontId="3" fillId="0" borderId="4" xfId="0" applyNumberFormat="1" applyFont="1" applyFill="1" applyBorder="1" applyAlignment="1">
      <alignment horizontal="center" vertical="center"/>
    </xf>
    <xf numFmtId="176" fontId="3" fillId="0" borderId="0" xfId="0" applyNumberFormat="1" applyFont="1" applyFill="1" applyBorder="1" applyAlignment="1">
      <alignment horizontal="right" vertical="center"/>
    </xf>
    <xf numFmtId="176" fontId="3" fillId="0" borderId="5" xfId="0" applyNumberFormat="1" applyFont="1" applyFill="1" applyBorder="1" applyAlignment="1">
      <alignment horizontal="center" vertical="center" wrapText="1"/>
    </xf>
    <xf numFmtId="176" fontId="3" fillId="0" borderId="2" xfId="0" applyNumberFormat="1" applyFont="1" applyFill="1" applyBorder="1" applyAlignment="1">
      <alignment horizontal="center" vertical="center" wrapText="1"/>
    </xf>
    <xf numFmtId="176" fontId="3" fillId="0" borderId="11" xfId="0" applyNumberFormat="1" applyFont="1" applyFill="1" applyBorder="1" applyAlignment="1">
      <alignment horizontal="center" vertical="center" wrapText="1"/>
    </xf>
    <xf numFmtId="176" fontId="3" fillId="0" borderId="0" xfId="0" applyNumberFormat="1" applyFont="1" applyFill="1" applyBorder="1" applyAlignment="1">
      <alignment horizontal="left" vertical="center" wrapText="1"/>
    </xf>
    <xf numFmtId="176" fontId="3" fillId="0" borderId="2" xfId="0" applyNumberFormat="1" applyFont="1" applyFill="1" applyBorder="1" applyAlignment="1">
      <alignment horizontal="left" vertical="center" wrapText="1"/>
    </xf>
    <xf numFmtId="176" fontId="3" fillId="0" borderId="11" xfId="0" applyNumberFormat="1" applyFont="1" applyFill="1" applyBorder="1" applyAlignment="1">
      <alignment horizontal="left" vertical="center" wrapText="1"/>
    </xf>
    <xf numFmtId="176" fontId="3" fillId="0" borderId="6" xfId="0" applyNumberFormat="1" applyFont="1" applyFill="1" applyBorder="1" applyAlignment="1">
      <alignment horizontal="left" vertical="center" wrapText="1"/>
    </xf>
    <xf numFmtId="176" fontId="3" fillId="0" borderId="10" xfId="0" applyNumberFormat="1" applyFont="1" applyFill="1" applyBorder="1" applyAlignment="1">
      <alignment horizontal="center" vertical="center" wrapText="1" shrinkToFit="1"/>
    </xf>
    <xf numFmtId="176" fontId="3" fillId="0" borderId="1" xfId="0" applyNumberFormat="1" applyFont="1" applyFill="1" applyBorder="1" applyAlignment="1">
      <alignment horizontal="center" vertical="center" wrapText="1" shrinkToFit="1"/>
    </xf>
    <xf numFmtId="176" fontId="3" fillId="0" borderId="7" xfId="0" applyNumberFormat="1" applyFont="1" applyFill="1" applyBorder="1" applyAlignment="1">
      <alignment horizontal="center" vertical="center" wrapText="1" shrinkToFit="1"/>
    </xf>
    <xf numFmtId="176" fontId="3" fillId="0" borderId="1" xfId="0" applyNumberFormat="1" applyFont="1" applyFill="1" applyBorder="1" applyAlignment="1">
      <alignment horizontal="distributed" vertical="center"/>
    </xf>
    <xf numFmtId="176" fontId="4" fillId="0" borderId="5" xfId="0" applyNumberFormat="1" applyFont="1" applyFill="1" applyBorder="1" applyAlignment="1">
      <alignment horizontal="center" vertical="center"/>
    </xf>
    <xf numFmtId="176" fontId="4" fillId="0" borderId="11" xfId="0" applyNumberFormat="1" applyFont="1" applyFill="1" applyBorder="1" applyAlignment="1">
      <alignment horizontal="center" vertical="center"/>
    </xf>
    <xf numFmtId="176" fontId="4" fillId="0" borderId="19" xfId="0" applyNumberFormat="1" applyFont="1" applyFill="1" applyBorder="1" applyAlignment="1">
      <alignment horizontal="center" vertical="center" wrapText="1"/>
    </xf>
    <xf numFmtId="176" fontId="4" fillId="0" borderId="20" xfId="0" applyNumberFormat="1" applyFont="1" applyFill="1" applyBorder="1" applyAlignment="1">
      <alignment horizontal="center" vertical="center" wrapText="1"/>
    </xf>
    <xf numFmtId="176" fontId="4" fillId="0" borderId="21" xfId="0" applyNumberFormat="1" applyFont="1" applyFill="1" applyBorder="1" applyAlignment="1">
      <alignment horizontal="center" vertical="center" wrapText="1"/>
    </xf>
    <xf numFmtId="176" fontId="4" fillId="0" borderId="4" xfId="0" applyNumberFormat="1" applyFont="1" applyFill="1" applyBorder="1" applyAlignment="1">
      <alignment horizontal="center" vertical="center" wrapText="1"/>
    </xf>
    <xf numFmtId="176" fontId="4" fillId="0" borderId="0" xfId="0" applyNumberFormat="1" applyFont="1" applyFill="1" applyBorder="1" applyAlignment="1">
      <alignment horizontal="center" vertical="center" wrapText="1"/>
    </xf>
    <xf numFmtId="176" fontId="4" fillId="0" borderId="6" xfId="0" applyNumberFormat="1" applyFont="1" applyFill="1" applyBorder="1" applyAlignment="1">
      <alignment horizontal="center" vertical="center" wrapText="1"/>
    </xf>
    <xf numFmtId="176" fontId="4" fillId="0" borderId="45" xfId="0" applyNumberFormat="1" applyFont="1" applyFill="1" applyBorder="1" applyAlignment="1">
      <alignment horizontal="center" vertical="center" wrapText="1"/>
    </xf>
    <xf numFmtId="176" fontId="4" fillId="0" borderId="46" xfId="0" applyNumberFormat="1" applyFont="1" applyFill="1" applyBorder="1" applyAlignment="1">
      <alignment horizontal="center" vertical="center" wrapText="1"/>
    </xf>
    <xf numFmtId="176" fontId="4" fillId="0" borderId="47" xfId="0" applyNumberFormat="1" applyFont="1" applyFill="1" applyBorder="1" applyAlignment="1">
      <alignment horizontal="center" vertical="center" wrapText="1"/>
    </xf>
    <xf numFmtId="176" fontId="6" fillId="0" borderId="4" xfId="0" applyNumberFormat="1" applyFont="1" applyFill="1" applyBorder="1" applyAlignment="1">
      <alignment horizontal="left" vertical="center" wrapText="1"/>
    </xf>
    <xf numFmtId="176" fontId="6" fillId="0" borderId="0" xfId="0" applyNumberFormat="1" applyFont="1" applyFill="1" applyBorder="1" applyAlignment="1">
      <alignment horizontal="left" vertical="center" wrapText="1"/>
    </xf>
    <xf numFmtId="176" fontId="6" fillId="0" borderId="6" xfId="0" applyNumberFormat="1" applyFont="1" applyFill="1" applyBorder="1" applyAlignment="1">
      <alignment horizontal="left" vertical="center" wrapText="1"/>
    </xf>
    <xf numFmtId="176" fontId="4" fillId="0" borderId="5" xfId="0" applyNumberFormat="1" applyFont="1" applyFill="1" applyBorder="1" applyAlignment="1">
      <alignment horizontal="center" vertical="center" wrapText="1"/>
    </xf>
    <xf numFmtId="176" fontId="4" fillId="0" borderId="2" xfId="0" applyNumberFormat="1" applyFont="1" applyFill="1" applyBorder="1" applyAlignment="1">
      <alignment horizontal="center" vertical="center" wrapText="1"/>
    </xf>
    <xf numFmtId="176" fontId="4" fillId="0" borderId="11" xfId="0" applyNumberFormat="1" applyFont="1" applyFill="1" applyBorder="1" applyAlignment="1">
      <alignment horizontal="center" vertical="center" wrapText="1"/>
    </xf>
    <xf numFmtId="176" fontId="4" fillId="0" borderId="8" xfId="0" applyNumberFormat="1" applyFont="1" applyFill="1" applyBorder="1" applyAlignment="1">
      <alignment horizontal="center" vertical="center" wrapText="1"/>
    </xf>
    <xf numFmtId="176" fontId="4" fillId="0" borderId="3" xfId="0" applyNumberFormat="1" applyFont="1" applyFill="1" applyBorder="1" applyAlignment="1">
      <alignment horizontal="center" vertical="center" wrapText="1"/>
    </xf>
    <xf numFmtId="176" fontId="4" fillId="0" borderId="9" xfId="0" applyNumberFormat="1" applyFont="1" applyFill="1" applyBorder="1" applyAlignment="1">
      <alignment horizontal="center" vertical="center" wrapText="1"/>
    </xf>
    <xf numFmtId="176" fontId="4" fillId="0" borderId="10" xfId="0" applyNumberFormat="1" applyFont="1" applyFill="1" applyBorder="1" applyAlignment="1">
      <alignment horizontal="left" vertical="center" wrapText="1"/>
    </xf>
    <xf numFmtId="176" fontId="4" fillId="0" borderId="1" xfId="0" applyNumberFormat="1" applyFont="1" applyFill="1" applyBorder="1" applyAlignment="1">
      <alignment horizontal="left" vertical="center"/>
    </xf>
    <xf numFmtId="176" fontId="4" fillId="0" borderId="7" xfId="0" applyNumberFormat="1" applyFont="1" applyFill="1" applyBorder="1" applyAlignment="1">
      <alignment horizontal="left" vertical="center"/>
    </xf>
    <xf numFmtId="176" fontId="3" fillId="0" borderId="5" xfId="0" applyNumberFormat="1" applyFont="1" applyFill="1" applyBorder="1" applyAlignment="1">
      <alignment horizontal="left" vertical="center" wrapText="1"/>
    </xf>
    <xf numFmtId="176" fontId="3" fillId="0" borderId="8"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3" fillId="0" borderId="9" xfId="0" applyNumberFormat="1" applyFont="1" applyFill="1" applyBorder="1" applyAlignment="1">
      <alignment horizontal="left" vertical="center" wrapText="1"/>
    </xf>
    <xf numFmtId="176" fontId="3" fillId="0" borderId="5" xfId="0" applyNumberFormat="1" applyFont="1" applyFill="1" applyBorder="1" applyAlignment="1">
      <alignment horizontal="center" vertical="center" textRotation="255" wrapText="1"/>
    </xf>
    <xf numFmtId="176" fontId="3" fillId="0" borderId="2" xfId="0" applyNumberFormat="1" applyFont="1" applyFill="1" applyBorder="1" applyAlignment="1">
      <alignment horizontal="center" vertical="center" textRotation="255" wrapText="1"/>
    </xf>
    <xf numFmtId="176" fontId="3" fillId="0" borderId="11" xfId="0" applyNumberFormat="1" applyFont="1" applyFill="1" applyBorder="1" applyAlignment="1">
      <alignment horizontal="center" vertical="center" textRotation="255" wrapText="1"/>
    </xf>
    <xf numFmtId="176" fontId="3" fillId="0" borderId="4" xfId="0" applyNumberFormat="1" applyFont="1" applyFill="1" applyBorder="1" applyAlignment="1">
      <alignment horizontal="center" vertical="center" textRotation="255" wrapText="1"/>
    </xf>
    <xf numFmtId="176" fontId="3" fillId="0" borderId="0" xfId="0" applyNumberFormat="1" applyFont="1" applyFill="1" applyBorder="1" applyAlignment="1">
      <alignment horizontal="center" vertical="center" textRotation="255" wrapText="1"/>
    </xf>
    <xf numFmtId="176" fontId="3" fillId="0" borderId="6" xfId="0" applyNumberFormat="1" applyFont="1" applyFill="1" applyBorder="1" applyAlignment="1">
      <alignment horizontal="center" vertical="center" textRotation="255" wrapText="1"/>
    </xf>
    <xf numFmtId="176" fontId="3" fillId="0" borderId="8" xfId="0" applyNumberFormat="1" applyFont="1" applyFill="1" applyBorder="1" applyAlignment="1">
      <alignment horizontal="center" vertical="center" textRotation="255" wrapText="1"/>
    </xf>
    <xf numFmtId="176" fontId="3" fillId="0" borderId="3" xfId="0" applyNumberFormat="1" applyFont="1" applyFill="1" applyBorder="1" applyAlignment="1">
      <alignment horizontal="center" vertical="center" textRotation="255" wrapText="1"/>
    </xf>
    <xf numFmtId="176" fontId="3" fillId="0" borderId="9" xfId="0" applyNumberFormat="1" applyFont="1" applyFill="1" applyBorder="1" applyAlignment="1">
      <alignment horizontal="center" vertical="center" textRotation="255" wrapText="1"/>
    </xf>
    <xf numFmtId="176" fontId="8" fillId="0" borderId="4" xfId="0" applyNumberFormat="1" applyFont="1" applyFill="1" applyBorder="1" applyAlignment="1">
      <alignment horizontal="left" vertical="top" wrapText="1"/>
    </xf>
    <xf numFmtId="176" fontId="8" fillId="0" borderId="0" xfId="0" applyNumberFormat="1" applyFont="1" applyFill="1" applyBorder="1" applyAlignment="1">
      <alignment horizontal="left" vertical="top" wrapText="1"/>
    </xf>
    <xf numFmtId="176" fontId="8" fillId="0" borderId="6" xfId="0" applyNumberFormat="1" applyFont="1" applyFill="1" applyBorder="1" applyAlignment="1">
      <alignment horizontal="left" vertical="top" wrapText="1"/>
    </xf>
    <xf numFmtId="176" fontId="3" fillId="0" borderId="0" xfId="0" applyNumberFormat="1" applyFont="1" applyFill="1" applyBorder="1" applyAlignment="1">
      <alignment horizontal="left" vertical="top"/>
    </xf>
    <xf numFmtId="176" fontId="3" fillId="0" borderId="0" xfId="0" applyNumberFormat="1" applyFont="1" applyFill="1" applyBorder="1" applyAlignment="1">
      <alignment horizontal="left" vertical="top" wrapText="1"/>
    </xf>
    <xf numFmtId="176" fontId="3" fillId="0" borderId="0" xfId="0" applyNumberFormat="1" applyFont="1" applyFill="1" applyBorder="1" applyAlignment="1">
      <alignment horizontal="center" vertical="top"/>
    </xf>
    <xf numFmtId="176" fontId="3" fillId="0" borderId="70" xfId="0" applyNumberFormat="1" applyFont="1" applyFill="1" applyBorder="1" applyAlignment="1">
      <alignment horizontal="center" vertical="center"/>
    </xf>
    <xf numFmtId="176" fontId="3" fillId="0" borderId="65" xfId="0" applyNumberFormat="1" applyFont="1" applyFill="1" applyBorder="1" applyAlignment="1">
      <alignment horizontal="center" vertical="center"/>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10" fillId="0" borderId="0" xfId="0" applyNumberFormat="1" applyFont="1" applyFill="1" applyBorder="1" applyAlignment="1">
      <alignment horizontal="center" vertical="center"/>
    </xf>
    <xf numFmtId="176" fontId="3" fillId="0" borderId="20" xfId="0" applyNumberFormat="1" applyFont="1" applyFill="1" applyBorder="1" applyAlignment="1">
      <alignment horizontal="center" vertical="center"/>
    </xf>
    <xf numFmtId="176" fontId="3" fillId="0" borderId="21" xfId="0" applyNumberFormat="1" applyFont="1" applyFill="1" applyBorder="1" applyAlignment="1">
      <alignment horizontal="center" vertical="center"/>
    </xf>
    <xf numFmtId="176" fontId="3" fillId="0" borderId="19" xfId="0" applyNumberFormat="1" applyFont="1" applyFill="1" applyBorder="1" applyAlignment="1">
      <alignment horizontal="center" vertical="center"/>
    </xf>
    <xf numFmtId="176" fontId="3" fillId="0" borderId="16"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46" xfId="0" applyNumberFormat="1" applyFont="1" applyFill="1" applyBorder="1" applyAlignment="1">
      <alignment horizontal="center" vertical="center"/>
    </xf>
    <xf numFmtId="176" fontId="3" fillId="0" borderId="47" xfId="0" applyNumberFormat="1" applyFont="1" applyFill="1" applyBorder="1" applyAlignment="1">
      <alignment horizontal="center" vertical="center"/>
    </xf>
    <xf numFmtId="176" fontId="3" fillId="0" borderId="30" xfId="0" applyNumberFormat="1" applyFont="1" applyFill="1" applyBorder="1" applyAlignment="1">
      <alignment horizontal="center" vertical="center"/>
    </xf>
    <xf numFmtId="176" fontId="3" fillId="0" borderId="31" xfId="0" applyNumberFormat="1" applyFont="1" applyFill="1" applyBorder="1" applyAlignment="1">
      <alignment horizontal="center" vertical="center"/>
    </xf>
    <xf numFmtId="176" fontId="5" fillId="0" borderId="16" xfId="0" applyNumberFormat="1" applyFont="1" applyFill="1" applyBorder="1" applyAlignment="1">
      <alignment horizontal="center" vertical="center" wrapText="1"/>
    </xf>
    <xf numFmtId="176" fontId="5" fillId="0" borderId="16" xfId="0" applyNumberFormat="1" applyFont="1" applyFill="1" applyBorder="1" applyAlignment="1">
      <alignment horizontal="center" vertical="center"/>
    </xf>
    <xf numFmtId="176" fontId="3" fillId="0" borderId="29" xfId="0" applyNumberFormat="1" applyFont="1" applyFill="1" applyBorder="1" applyAlignment="1">
      <alignment horizontal="center" vertical="center"/>
    </xf>
    <xf numFmtId="176" fontId="3" fillId="0" borderId="26"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28" xfId="0" applyNumberFormat="1" applyFont="1" applyFill="1" applyBorder="1" applyAlignment="1">
      <alignment horizontal="center" vertical="center"/>
    </xf>
    <xf numFmtId="176" fontId="3" fillId="0" borderId="4" xfId="0" applyNumberFormat="1" applyFont="1" applyFill="1" applyBorder="1" applyAlignment="1">
      <alignment horizontal="center" vertical="top" textRotation="255"/>
    </xf>
    <xf numFmtId="176" fontId="3" fillId="0" borderId="0" xfId="0" applyNumberFormat="1" applyFont="1" applyFill="1" applyBorder="1" applyAlignment="1">
      <alignment horizontal="center" vertical="top" textRotation="255"/>
    </xf>
    <xf numFmtId="176" fontId="3" fillId="0" borderId="6" xfId="0" applyNumberFormat="1" applyFont="1" applyFill="1" applyBorder="1" applyAlignment="1">
      <alignment horizontal="center" vertical="top" textRotation="255"/>
    </xf>
    <xf numFmtId="176" fontId="3" fillId="0" borderId="8" xfId="0" applyNumberFormat="1" applyFont="1" applyFill="1" applyBorder="1" applyAlignment="1">
      <alignment horizontal="center" vertical="top" textRotation="255"/>
    </xf>
    <xf numFmtId="176" fontId="3" fillId="0" borderId="3" xfId="0" applyNumberFormat="1" applyFont="1" applyFill="1" applyBorder="1" applyAlignment="1">
      <alignment horizontal="center" vertical="top" textRotation="255"/>
    </xf>
    <xf numFmtId="176" fontId="3" fillId="0" borderId="9" xfId="0" applyNumberFormat="1" applyFont="1" applyFill="1" applyBorder="1" applyAlignment="1">
      <alignment horizontal="center" vertical="top" textRotation="255"/>
    </xf>
    <xf numFmtId="176" fontId="3" fillId="0" borderId="23"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3" fillId="0" borderId="25" xfId="0" applyNumberFormat="1" applyFont="1" applyFill="1" applyBorder="1" applyAlignment="1">
      <alignment horizontal="center" vertical="center"/>
    </xf>
    <xf numFmtId="176" fontId="5" fillId="0" borderId="8" xfId="0" applyNumberFormat="1" applyFont="1" applyFill="1" applyBorder="1" applyAlignment="1">
      <alignment horizontal="right" vertical="center"/>
    </xf>
    <xf numFmtId="176" fontId="5" fillId="0" borderId="3" xfId="0" applyNumberFormat="1" applyFont="1" applyFill="1" applyBorder="1" applyAlignment="1">
      <alignment horizontal="right" vertical="center"/>
    </xf>
    <xf numFmtId="176" fontId="5" fillId="0" borderId="9" xfId="0" applyNumberFormat="1" applyFont="1" applyFill="1" applyBorder="1" applyAlignment="1">
      <alignment horizontal="right" vertical="center"/>
    </xf>
    <xf numFmtId="176" fontId="3" fillId="0" borderId="76" xfId="0" applyNumberFormat="1" applyFont="1" applyFill="1" applyBorder="1" applyAlignment="1">
      <alignment horizontal="center" vertical="center" wrapText="1"/>
    </xf>
    <xf numFmtId="176" fontId="3" fillId="0" borderId="77" xfId="0" applyNumberFormat="1" applyFont="1" applyFill="1" applyBorder="1" applyAlignment="1">
      <alignment horizontal="center" vertical="center" wrapText="1"/>
    </xf>
    <xf numFmtId="176" fontId="3" fillId="0" borderId="78" xfId="0" applyNumberFormat="1" applyFont="1" applyFill="1" applyBorder="1" applyAlignment="1">
      <alignment horizontal="center" vertical="center" wrapText="1"/>
    </xf>
    <xf numFmtId="176" fontId="3" fillId="0" borderId="51" xfId="0" applyNumberFormat="1" applyFont="1" applyFill="1" applyBorder="1" applyAlignment="1">
      <alignment horizontal="center" vertical="center" wrapText="1"/>
    </xf>
    <xf numFmtId="176" fontId="3" fillId="0" borderId="52" xfId="0" applyNumberFormat="1" applyFont="1" applyFill="1" applyBorder="1" applyAlignment="1">
      <alignment horizontal="center" vertical="center" wrapText="1"/>
    </xf>
    <xf numFmtId="176" fontId="3" fillId="0" borderId="53" xfId="0" applyNumberFormat="1" applyFont="1" applyFill="1" applyBorder="1" applyAlignment="1">
      <alignment horizontal="center" vertical="center" wrapText="1"/>
    </xf>
    <xf numFmtId="176" fontId="3" fillId="0" borderId="0" xfId="0" applyNumberFormat="1" applyFont="1" applyFill="1" applyBorder="1" applyAlignment="1">
      <alignment vertical="center"/>
    </xf>
    <xf numFmtId="176" fontId="3" fillId="0" borderId="36" xfId="0" applyNumberFormat="1" applyFont="1" applyFill="1" applyBorder="1" applyAlignment="1">
      <alignment horizontal="center" vertical="center"/>
    </xf>
    <xf numFmtId="176" fontId="3" fillId="0" borderId="37" xfId="0" applyNumberFormat="1" applyFont="1" applyFill="1" applyBorder="1" applyAlignment="1">
      <alignment horizontal="center" vertical="center"/>
    </xf>
    <xf numFmtId="176" fontId="3" fillId="0" borderId="17" xfId="0" applyNumberFormat="1" applyFont="1" applyFill="1" applyBorder="1" applyAlignment="1">
      <alignment horizontal="center" vertical="center"/>
    </xf>
    <xf numFmtId="176" fontId="3" fillId="0" borderId="18" xfId="0" applyNumberFormat="1" applyFont="1" applyFill="1" applyBorder="1" applyAlignment="1">
      <alignment horizontal="center" vertical="center"/>
    </xf>
    <xf numFmtId="176" fontId="3" fillId="0" borderId="30" xfId="0" applyNumberFormat="1" applyFont="1" applyFill="1" applyBorder="1" applyAlignment="1">
      <alignment horizontal="distributed" vertical="center"/>
    </xf>
    <xf numFmtId="176" fontId="3" fillId="0" borderId="62" xfId="0" applyNumberFormat="1" applyFont="1" applyFill="1" applyBorder="1" applyAlignment="1">
      <alignment horizontal="center" vertical="center"/>
    </xf>
    <xf numFmtId="176" fontId="3" fillId="0" borderId="66" xfId="0" applyNumberFormat="1" applyFont="1" applyFill="1" applyBorder="1" applyAlignment="1">
      <alignment horizontal="center" vertical="center"/>
    </xf>
    <xf numFmtId="176" fontId="3" fillId="0" borderId="88" xfId="0" applyNumberFormat="1" applyFont="1" applyFill="1" applyBorder="1" applyAlignment="1">
      <alignment horizontal="center" vertical="center"/>
    </xf>
    <xf numFmtId="176" fontId="3" fillId="0" borderId="32" xfId="0" applyNumberFormat="1" applyFont="1" applyFill="1" applyBorder="1" applyAlignment="1">
      <alignment vertical="center"/>
    </xf>
    <xf numFmtId="176" fontId="3" fillId="0" borderId="27" xfId="0" applyNumberFormat="1" applyFont="1" applyFill="1" applyBorder="1" applyAlignment="1">
      <alignment vertical="center"/>
    </xf>
    <xf numFmtId="176" fontId="3" fillId="0" borderId="28" xfId="0" applyNumberFormat="1" applyFont="1" applyFill="1" applyBorder="1" applyAlignment="1">
      <alignment vertical="center"/>
    </xf>
    <xf numFmtId="176" fontId="3" fillId="0" borderId="24" xfId="0" applyNumberFormat="1" applyFont="1" applyFill="1" applyBorder="1" applyAlignment="1">
      <alignment horizontal="distributed" vertical="center"/>
    </xf>
    <xf numFmtId="176" fontId="3" fillId="0" borderId="34" xfId="0" applyNumberFormat="1" applyFont="1" applyFill="1" applyBorder="1" applyAlignment="1">
      <alignment horizontal="center" vertical="center"/>
    </xf>
    <xf numFmtId="176" fontId="3" fillId="0" borderId="35" xfId="0" applyNumberFormat="1" applyFont="1" applyFill="1" applyBorder="1" applyAlignment="1">
      <alignment horizontal="left" vertical="center"/>
    </xf>
    <xf numFmtId="176" fontId="3" fillId="0" borderId="24" xfId="0" applyNumberFormat="1" applyFont="1" applyFill="1" applyBorder="1" applyAlignment="1">
      <alignment horizontal="left" vertical="center"/>
    </xf>
    <xf numFmtId="176" fontId="3" fillId="0" borderId="34" xfId="0" applyNumberFormat="1" applyFont="1" applyFill="1" applyBorder="1" applyAlignment="1">
      <alignment horizontal="left" vertical="center"/>
    </xf>
    <xf numFmtId="176" fontId="3" fillId="0" borderId="35" xfId="0" applyNumberFormat="1" applyFont="1" applyFill="1" applyBorder="1" applyAlignment="1">
      <alignment horizontal="center" vertical="center"/>
    </xf>
    <xf numFmtId="176" fontId="3" fillId="0" borderId="35"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25" xfId="0" applyNumberFormat="1" applyFont="1" applyFill="1" applyBorder="1" applyAlignment="1">
      <alignment vertical="center"/>
    </xf>
    <xf numFmtId="176" fontId="3" fillId="0" borderId="27" xfId="0" applyNumberFormat="1" applyFont="1" applyFill="1" applyBorder="1" applyAlignment="1">
      <alignment horizontal="distributed" vertical="center"/>
    </xf>
    <xf numFmtId="176" fontId="3" fillId="0" borderId="33" xfId="0" applyNumberFormat="1" applyFont="1" applyFill="1" applyBorder="1" applyAlignment="1">
      <alignment horizontal="center" vertical="center"/>
    </xf>
    <xf numFmtId="176" fontId="3" fillId="0" borderId="32" xfId="0" applyNumberFormat="1" applyFont="1" applyFill="1" applyBorder="1" applyAlignment="1">
      <alignment horizontal="left" vertical="center"/>
    </xf>
    <xf numFmtId="176" fontId="3" fillId="0" borderId="27" xfId="0" applyNumberFormat="1" applyFont="1" applyFill="1" applyBorder="1" applyAlignment="1">
      <alignment horizontal="left" vertical="center"/>
    </xf>
    <xf numFmtId="176" fontId="3" fillId="0" borderId="33" xfId="0" applyNumberFormat="1" applyFont="1" applyFill="1" applyBorder="1" applyAlignment="1">
      <alignment horizontal="left" vertical="center"/>
    </xf>
    <xf numFmtId="176" fontId="3" fillId="0" borderId="32" xfId="0" applyNumberFormat="1" applyFont="1" applyFill="1" applyBorder="1" applyAlignment="1">
      <alignment horizontal="center" vertical="center"/>
    </xf>
    <xf numFmtId="176" fontId="3" fillId="0" borderId="45" xfId="0" applyNumberFormat="1" applyFont="1" applyFill="1" applyBorder="1" applyAlignment="1">
      <alignment vertical="center"/>
    </xf>
    <xf numFmtId="176" fontId="3" fillId="0" borderId="46" xfId="0" applyNumberFormat="1" applyFont="1" applyFill="1" applyBorder="1" applyAlignment="1">
      <alignment vertical="center"/>
    </xf>
    <xf numFmtId="176" fontId="3" fillId="0" borderId="109" xfId="0" applyNumberFormat="1" applyFont="1" applyFill="1" applyBorder="1" applyAlignment="1">
      <alignment vertical="center"/>
    </xf>
    <xf numFmtId="176" fontId="3" fillId="0" borderId="108" xfId="0" applyNumberFormat="1" applyFont="1" applyFill="1" applyBorder="1" applyAlignment="1">
      <alignment horizontal="center" vertical="center"/>
    </xf>
    <xf numFmtId="176" fontId="3" fillId="0" borderId="106" xfId="0" applyNumberFormat="1" applyFont="1" applyFill="1" applyBorder="1" applyAlignment="1">
      <alignment horizontal="center" vertical="center"/>
    </xf>
    <xf numFmtId="176" fontId="3" fillId="0" borderId="110" xfId="0" applyNumberFormat="1" applyFont="1" applyFill="1" applyBorder="1" applyAlignment="1">
      <alignment horizontal="center" vertical="center"/>
    </xf>
    <xf numFmtId="176" fontId="3" fillId="0" borderId="109" xfId="0" applyNumberFormat="1" applyFont="1" applyFill="1" applyBorder="1" applyAlignment="1">
      <alignment horizontal="center" vertical="center"/>
    </xf>
    <xf numFmtId="176" fontId="3" fillId="0" borderId="108" xfId="0" applyNumberFormat="1" applyFont="1" applyFill="1" applyBorder="1" applyAlignment="1">
      <alignment vertical="center"/>
    </xf>
    <xf numFmtId="176" fontId="3" fillId="0" borderId="20"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110" xfId="0" applyNumberFormat="1" applyFont="1" applyFill="1" applyBorder="1" applyAlignment="1">
      <alignment vertical="center"/>
    </xf>
    <xf numFmtId="176" fontId="3" fillId="0" borderId="47" xfId="0" applyNumberFormat="1" applyFont="1" applyFill="1" applyBorder="1" applyAlignment="1">
      <alignment vertical="center"/>
    </xf>
    <xf numFmtId="176" fontId="3" fillId="0" borderId="0" xfId="0" applyNumberFormat="1" applyFont="1" applyFill="1" applyBorder="1" applyAlignment="1">
      <alignment horizontal="distributed" vertical="center"/>
    </xf>
    <xf numFmtId="176" fontId="3" fillId="0" borderId="2" xfId="0" applyNumberFormat="1" applyFont="1" applyFill="1" applyBorder="1" applyAlignment="1">
      <alignment horizontal="distributed"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67" xfId="0" applyNumberFormat="1" applyFont="1" applyFill="1" applyBorder="1" applyAlignment="1">
      <alignment horizontal="center" vertical="center"/>
    </xf>
    <xf numFmtId="176" fontId="3" fillId="0" borderId="79" xfId="0" applyNumberFormat="1" applyFont="1" applyFill="1" applyBorder="1" applyAlignment="1">
      <alignment vertical="center"/>
    </xf>
    <xf numFmtId="176" fontId="3" fillId="0" borderId="80" xfId="0" applyNumberFormat="1" applyFont="1" applyFill="1" applyBorder="1" applyAlignment="1">
      <alignment vertical="center"/>
    </xf>
    <xf numFmtId="176" fontId="3" fillId="0" borderId="107" xfId="0" applyNumberFormat="1" applyFont="1" applyFill="1" applyBorder="1" applyAlignment="1">
      <alignment vertical="center"/>
    </xf>
    <xf numFmtId="176" fontId="3" fillId="0" borderId="62" xfId="0" applyNumberFormat="1" applyFont="1" applyFill="1" applyBorder="1" applyAlignment="1">
      <alignment vertical="center"/>
    </xf>
    <xf numFmtId="176" fontId="3" fillId="0" borderId="66" xfId="0" applyNumberFormat="1" applyFont="1" applyFill="1" applyBorder="1" applyAlignment="1">
      <alignment vertical="center"/>
    </xf>
    <xf numFmtId="176" fontId="3" fillId="0" borderId="69" xfId="0" applyNumberFormat="1" applyFont="1" applyFill="1" applyBorder="1" applyAlignment="1">
      <alignment vertical="center"/>
    </xf>
    <xf numFmtId="176" fontId="3" fillId="0" borderId="105" xfId="0" applyNumberFormat="1" applyFont="1" applyFill="1" applyBorder="1" applyAlignment="1">
      <alignment vertical="center"/>
    </xf>
    <xf numFmtId="176" fontId="3" fillId="0" borderId="88" xfId="0" applyNumberFormat="1" applyFont="1" applyFill="1" applyBorder="1" applyAlignment="1">
      <alignment vertical="center"/>
    </xf>
    <xf numFmtId="176" fontId="3" fillId="0" borderId="69" xfId="0" applyNumberFormat="1" applyFont="1" applyFill="1" applyBorder="1" applyAlignment="1">
      <alignment horizontal="center" vertical="center"/>
    </xf>
    <xf numFmtId="176" fontId="3" fillId="0" borderId="12" xfId="0" applyNumberFormat="1" applyFont="1" applyFill="1" applyBorder="1" applyAlignment="1">
      <alignment horizontal="center" vertical="center"/>
    </xf>
    <xf numFmtId="176" fontId="3" fillId="0" borderId="13" xfId="0" applyNumberFormat="1" applyFont="1" applyFill="1" applyBorder="1" applyAlignment="1">
      <alignment horizontal="center" vertical="center"/>
    </xf>
    <xf numFmtId="176" fontId="3" fillId="0" borderId="63" xfId="0" applyNumberFormat="1" applyFont="1" applyFill="1" applyBorder="1" applyAlignment="1">
      <alignment horizontal="center" vertical="center"/>
    </xf>
    <xf numFmtId="176" fontId="3" fillId="0" borderId="22" xfId="0" applyNumberFormat="1" applyFont="1" applyFill="1" applyBorder="1" applyAlignment="1">
      <alignment horizontal="center" vertical="center"/>
    </xf>
    <xf numFmtId="176" fontId="3" fillId="0" borderId="61" xfId="0" applyNumberFormat="1" applyFont="1" applyFill="1" applyBorder="1" applyAlignment="1">
      <alignment horizontal="left" vertical="center"/>
    </xf>
    <xf numFmtId="176" fontId="3" fillId="0" borderId="64" xfId="0" applyNumberFormat="1" applyFont="1" applyFill="1" applyBorder="1" applyAlignment="1">
      <alignment horizontal="left" vertical="center"/>
    </xf>
    <xf numFmtId="176" fontId="3" fillId="0" borderId="68" xfId="0" applyNumberFormat="1" applyFont="1" applyFill="1" applyBorder="1" applyAlignment="1">
      <alignment horizontal="left" vertical="center"/>
    </xf>
    <xf numFmtId="176" fontId="3" fillId="0" borderId="20" xfId="0" applyNumberFormat="1" applyFont="1" applyFill="1" applyBorder="1" applyAlignment="1">
      <alignment vertical="center" wrapText="1"/>
    </xf>
    <xf numFmtId="176" fontId="3" fillId="0" borderId="106" xfId="0" applyNumberFormat="1" applyFont="1" applyFill="1" applyBorder="1" applyAlignment="1">
      <alignment vertical="center" wrapText="1"/>
    </xf>
    <xf numFmtId="176" fontId="3" fillId="0" borderId="20" xfId="0" applyNumberFormat="1" applyFont="1" applyFill="1" applyBorder="1" applyAlignment="1">
      <alignment horizontal="distributed" vertical="center"/>
    </xf>
    <xf numFmtId="176" fontId="3" fillId="0" borderId="3" xfId="0" applyNumberFormat="1" applyFont="1" applyFill="1" applyBorder="1" applyAlignment="1">
      <alignment horizontal="distributed" vertical="center"/>
    </xf>
    <xf numFmtId="176" fontId="3" fillId="0" borderId="14" xfId="0" applyNumberFormat="1" applyFont="1" applyFill="1" applyBorder="1" applyAlignment="1">
      <alignment horizontal="center" vertical="center"/>
    </xf>
    <xf numFmtId="176" fontId="3" fillId="0" borderId="15"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57" xfId="0" applyNumberFormat="1" applyFont="1" applyFill="1" applyBorder="1" applyAlignment="1">
      <alignment horizontal="center" vertical="center"/>
    </xf>
    <xf numFmtId="176" fontId="3" fillId="0" borderId="17" xfId="0" applyNumberFormat="1" applyFont="1" applyFill="1" applyBorder="1" applyAlignment="1">
      <alignment horizontal="left" vertical="center"/>
    </xf>
    <xf numFmtId="176" fontId="3" fillId="0" borderId="18" xfId="0" applyNumberFormat="1" applyFont="1" applyFill="1" applyBorder="1" applyAlignment="1">
      <alignment horizontal="left" vertical="center"/>
    </xf>
    <xf numFmtId="176" fontId="3" fillId="0" borderId="29" xfId="0" applyNumberFormat="1" applyFont="1" applyFill="1" applyBorder="1" applyAlignment="1">
      <alignment vertical="center"/>
    </xf>
    <xf numFmtId="176" fontId="3" fillId="0" borderId="30" xfId="0" applyNumberFormat="1" applyFont="1" applyFill="1" applyBorder="1" applyAlignment="1">
      <alignment vertical="center"/>
    </xf>
    <xf numFmtId="176" fontId="3" fillId="0" borderId="31" xfId="0" applyNumberFormat="1" applyFont="1" applyFill="1" applyBorder="1" applyAlignment="1">
      <alignment vertical="center"/>
    </xf>
    <xf numFmtId="176" fontId="3" fillId="0" borderId="40" xfId="0" applyNumberFormat="1" applyFont="1" applyFill="1" applyBorder="1" applyAlignment="1">
      <alignment horizontal="center" vertical="center"/>
    </xf>
    <xf numFmtId="176" fontId="3" fillId="0" borderId="41" xfId="0" applyNumberFormat="1" applyFont="1" applyFill="1" applyBorder="1" applyAlignment="1">
      <alignment horizontal="center" vertical="center"/>
    </xf>
    <xf numFmtId="176" fontId="5" fillId="0" borderId="10" xfId="0" applyNumberFormat="1" applyFont="1" applyFill="1" applyBorder="1" applyAlignment="1">
      <alignment horizontal="left" vertical="center" wrapText="1"/>
    </xf>
    <xf numFmtId="176" fontId="5" fillId="0" borderId="7" xfId="0" applyNumberFormat="1" applyFont="1" applyFill="1" applyBorder="1" applyAlignment="1">
      <alignment horizontal="left" vertical="center" wrapText="1"/>
    </xf>
    <xf numFmtId="176" fontId="3" fillId="0" borderId="106" xfId="0" applyNumberFormat="1" applyFont="1" applyFill="1" applyBorder="1" applyAlignment="1">
      <alignment vertical="center"/>
    </xf>
    <xf numFmtId="176" fontId="5" fillId="0" borderId="19" xfId="0" applyNumberFormat="1" applyFont="1" applyFill="1" applyBorder="1" applyAlignment="1">
      <alignment horizontal="center" vertical="center" wrapText="1"/>
    </xf>
    <xf numFmtId="176" fontId="5" fillId="0" borderId="20" xfId="0" applyNumberFormat="1" applyFont="1" applyFill="1" applyBorder="1" applyAlignment="1">
      <alignment horizontal="center" vertical="center"/>
    </xf>
    <xf numFmtId="176" fontId="5" fillId="0" borderId="21" xfId="0" applyNumberFormat="1" applyFont="1" applyFill="1" applyBorder="1" applyAlignment="1">
      <alignment horizontal="center" vertical="center"/>
    </xf>
    <xf numFmtId="176" fontId="5" fillId="0" borderId="45" xfId="0" applyNumberFormat="1" applyFont="1" applyFill="1" applyBorder="1" applyAlignment="1">
      <alignment horizontal="center" vertical="center"/>
    </xf>
    <xf numFmtId="176" fontId="5" fillId="0" borderId="46" xfId="0" applyNumberFormat="1" applyFont="1" applyFill="1" applyBorder="1" applyAlignment="1">
      <alignment horizontal="center" vertical="center"/>
    </xf>
    <xf numFmtId="176" fontId="5" fillId="0" borderId="47" xfId="0" applyNumberFormat="1" applyFont="1" applyFill="1" applyBorder="1" applyAlignment="1">
      <alignment horizontal="center" vertical="center"/>
    </xf>
    <xf numFmtId="176" fontId="4" fillId="0" borderId="10" xfId="0" applyNumberFormat="1" applyFont="1" applyFill="1" applyBorder="1" applyAlignment="1">
      <alignment horizontal="center" vertical="center" wrapText="1"/>
    </xf>
    <xf numFmtId="176" fontId="4" fillId="0" borderId="1" xfId="0" applyNumberFormat="1" applyFont="1" applyFill="1" applyBorder="1" applyAlignment="1">
      <alignment horizontal="center" vertical="center" wrapText="1"/>
    </xf>
    <xf numFmtId="176" fontId="4" fillId="0" borderId="7" xfId="0" applyNumberFormat="1" applyFont="1" applyFill="1" applyBorder="1" applyAlignment="1">
      <alignment horizontal="center" vertical="center" wrapText="1"/>
    </xf>
    <xf numFmtId="176" fontId="5" fillId="0" borderId="10" xfId="0" applyNumberFormat="1" applyFont="1" applyFill="1" applyBorder="1" applyAlignment="1">
      <alignment horizontal="center" vertical="center" wrapText="1"/>
    </xf>
    <xf numFmtId="176" fontId="5" fillId="0" borderId="1" xfId="0" applyNumberFormat="1" applyFont="1" applyFill="1" applyBorder="1" applyAlignment="1">
      <alignment horizontal="center" vertical="center" wrapText="1"/>
    </xf>
    <xf numFmtId="176" fontId="5" fillId="0" borderId="7" xfId="0" applyNumberFormat="1" applyFont="1" applyFill="1" applyBorder="1" applyAlignment="1">
      <alignment horizontal="center" vertical="center" wrapText="1"/>
    </xf>
    <xf numFmtId="176" fontId="3" fillId="0" borderId="56" xfId="0" applyNumberFormat="1" applyFont="1" applyFill="1" applyBorder="1" applyAlignment="1">
      <alignment horizontal="center" vertical="center"/>
    </xf>
    <xf numFmtId="176" fontId="3" fillId="0" borderId="58" xfId="0" applyNumberFormat="1" applyFont="1" applyFill="1" applyBorder="1" applyAlignment="1">
      <alignment horizontal="center" vertical="center"/>
    </xf>
    <xf numFmtId="176" fontId="3" fillId="0" borderId="59" xfId="0" applyNumberFormat="1" applyFont="1" applyFill="1" applyBorder="1" applyAlignment="1">
      <alignment horizontal="center" vertical="center"/>
    </xf>
    <xf numFmtId="176" fontId="3" fillId="0" borderId="60" xfId="0" applyNumberFormat="1" applyFont="1" applyFill="1" applyBorder="1" applyAlignment="1">
      <alignment horizontal="center" vertical="center"/>
    </xf>
    <xf numFmtId="176" fontId="3" fillId="0" borderId="8" xfId="0" applyNumberFormat="1" applyFont="1" applyFill="1" applyBorder="1" applyAlignment="1">
      <alignment vertical="center"/>
    </xf>
    <xf numFmtId="176" fontId="3" fillId="0" borderId="3" xfId="0" applyNumberFormat="1" applyFont="1" applyFill="1" applyBorder="1" applyAlignment="1">
      <alignment vertical="center"/>
    </xf>
    <xf numFmtId="176" fontId="3" fillId="0" borderId="57" xfId="0" applyNumberFormat="1" applyFont="1" applyFill="1" applyBorder="1" applyAlignment="1">
      <alignment vertical="center"/>
    </xf>
    <xf numFmtId="176" fontId="6" fillId="0" borderId="3" xfId="0" applyNumberFormat="1" applyFont="1" applyFill="1" applyBorder="1" applyAlignment="1">
      <alignment horizontal="center" vertical="center" wrapText="1"/>
    </xf>
    <xf numFmtId="176" fontId="3" fillId="0" borderId="2" xfId="0" applyNumberFormat="1" applyFont="1" applyFill="1" applyBorder="1" applyAlignment="1">
      <alignment vertical="center"/>
    </xf>
    <xf numFmtId="176" fontId="3" fillId="0" borderId="54" xfId="0" applyNumberFormat="1" applyFont="1" applyFill="1" applyBorder="1" applyAlignment="1">
      <alignment horizontal="center" vertical="center"/>
    </xf>
    <xf numFmtId="176" fontId="3" fillId="0" borderId="56"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85" xfId="0" applyNumberFormat="1" applyFont="1" applyFill="1" applyBorder="1" applyAlignment="1">
      <alignment horizontal="right" vertical="center"/>
    </xf>
    <xf numFmtId="176" fontId="3" fillId="0" borderId="86" xfId="0" applyNumberFormat="1" applyFont="1" applyFill="1" applyBorder="1" applyAlignment="1">
      <alignment horizontal="right" vertical="center"/>
    </xf>
    <xf numFmtId="176" fontId="3" fillId="0" borderId="3" xfId="0" applyNumberFormat="1" applyFont="1" applyFill="1" applyBorder="1" applyAlignment="1">
      <alignment horizontal="right" vertical="center"/>
    </xf>
    <xf numFmtId="176" fontId="3" fillId="0" borderId="87" xfId="0" applyNumberFormat="1" applyFont="1" applyFill="1" applyBorder="1" applyAlignment="1">
      <alignment horizontal="right" vertical="center"/>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3" fillId="0" borderId="2" xfId="0" applyNumberFormat="1" applyFont="1" applyFill="1" applyBorder="1" applyAlignment="1">
      <alignment horizontal="center" vertical="center" shrinkToFit="1"/>
    </xf>
    <xf numFmtId="176" fontId="3" fillId="0" borderId="0" xfId="0" applyNumberFormat="1" applyFont="1" applyFill="1" applyBorder="1" applyAlignment="1">
      <alignment horizontal="center" vertical="center" shrinkToFit="1"/>
    </xf>
    <xf numFmtId="176" fontId="3" fillId="0" borderId="3" xfId="0" applyNumberFormat="1" applyFont="1" applyFill="1" applyBorder="1" applyAlignment="1">
      <alignment horizontal="center" vertical="center" shrinkToFit="1"/>
    </xf>
    <xf numFmtId="176" fontId="3" fillId="0" borderId="46" xfId="0" applyNumberFormat="1" applyFont="1" applyFill="1" applyBorder="1" applyAlignment="1">
      <alignment horizontal="distributed" vertical="center"/>
    </xf>
    <xf numFmtId="176" fontId="3" fillId="0" borderId="1" xfId="0" applyNumberFormat="1" applyFont="1" applyFill="1" applyBorder="1" applyAlignment="1">
      <alignment horizontal="right" vertical="center"/>
    </xf>
    <xf numFmtId="176" fontId="3" fillId="0" borderId="74" xfId="0" applyNumberFormat="1" applyFont="1" applyFill="1" applyBorder="1" applyAlignment="1">
      <alignment horizontal="right" vertical="center"/>
    </xf>
    <xf numFmtId="176" fontId="5" fillId="0" borderId="2" xfId="0" applyNumberFormat="1" applyFont="1" applyFill="1" applyBorder="1" applyAlignment="1">
      <alignment horizontal="center" vertical="center"/>
    </xf>
    <xf numFmtId="176" fontId="5" fillId="0" borderId="0" xfId="0" applyNumberFormat="1" applyFont="1" applyFill="1" applyBorder="1" applyAlignment="1">
      <alignment horizontal="center" vertical="center"/>
    </xf>
  </cellXfs>
  <cellStyles count="7">
    <cellStyle name="標準" xfId="0" builtinId="0"/>
    <cellStyle name="標準 2" xfId="1"/>
    <cellStyle name="標準 3" xfId="2"/>
    <cellStyle name="標準 4" xfId="3"/>
    <cellStyle name="標準 5" xfId="4"/>
    <cellStyle name="標準 6" xfId="5"/>
    <cellStyle name="標準 7" xfId="6"/>
  </cellStyles>
  <dxfs count="0"/>
  <tableStyles count="0" defaultTableStyle="TableStyleMedium9" defaultPivotStyle="PivotStyleLight16"/>
  <colors>
    <mruColors>
      <color rgb="FF0033CC"/>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350</xdr:row>
      <xdr:rowOff>0</xdr:rowOff>
    </xdr:from>
    <xdr:to>
      <xdr:col>0</xdr:col>
      <xdr:colOff>0</xdr:colOff>
      <xdr:row>350</xdr:row>
      <xdr:rowOff>47625</xdr:rowOff>
    </xdr:to>
    <xdr:sp macro="" textlink="">
      <xdr:nvSpPr>
        <xdr:cNvPr id="2" name="Text Box 9"/>
        <xdr:cNvSpPr txBox="1">
          <a:spLocks noChangeArrowheads="1"/>
        </xdr:cNvSpPr>
      </xdr:nvSpPr>
      <xdr:spPr bwMode="auto">
        <a:xfrm>
          <a:off x="0" y="37728525"/>
          <a:ext cx="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329</xdr:row>
      <xdr:rowOff>0</xdr:rowOff>
    </xdr:from>
    <xdr:to>
      <xdr:col>30</xdr:col>
      <xdr:colOff>85725</xdr:colOff>
      <xdr:row>329</xdr:row>
      <xdr:rowOff>47625</xdr:rowOff>
    </xdr:to>
    <xdr:sp macro="" textlink="">
      <xdr:nvSpPr>
        <xdr:cNvPr id="3" name="Text Box 80"/>
        <xdr:cNvSpPr txBox="1">
          <a:spLocks noChangeArrowheads="1"/>
        </xdr:cNvSpPr>
      </xdr:nvSpPr>
      <xdr:spPr bwMode="auto">
        <a:xfrm>
          <a:off x="3757612" y="317730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114300</xdr:colOff>
      <xdr:row>350</xdr:row>
      <xdr:rowOff>0</xdr:rowOff>
    </xdr:from>
    <xdr:to>
      <xdr:col>30</xdr:col>
      <xdr:colOff>38101</xdr:colOff>
      <xdr:row>350</xdr:row>
      <xdr:rowOff>47625</xdr:rowOff>
    </xdr:to>
    <xdr:sp macro="" textlink="">
      <xdr:nvSpPr>
        <xdr:cNvPr id="4" name="Text Box 117"/>
        <xdr:cNvSpPr txBox="1">
          <a:spLocks noChangeArrowheads="1"/>
        </xdr:cNvSpPr>
      </xdr:nvSpPr>
      <xdr:spPr bwMode="auto">
        <a:xfrm>
          <a:off x="3705225" y="37728525"/>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350</xdr:row>
      <xdr:rowOff>0</xdr:rowOff>
    </xdr:from>
    <xdr:to>
      <xdr:col>29</xdr:col>
      <xdr:colOff>28574</xdr:colOff>
      <xdr:row>350</xdr:row>
      <xdr:rowOff>47625</xdr:rowOff>
    </xdr:to>
    <xdr:sp macro="" textlink="">
      <xdr:nvSpPr>
        <xdr:cNvPr id="5" name="Text Box 118"/>
        <xdr:cNvSpPr txBox="1">
          <a:spLocks noChangeArrowheads="1"/>
        </xdr:cNvSpPr>
      </xdr:nvSpPr>
      <xdr:spPr bwMode="auto">
        <a:xfrm>
          <a:off x="3581400" y="37728525"/>
          <a:ext cx="3809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90488</xdr:colOff>
      <xdr:row>329</xdr:row>
      <xdr:rowOff>0</xdr:rowOff>
    </xdr:from>
    <xdr:to>
      <xdr:col>26</xdr:col>
      <xdr:colOff>14288</xdr:colOff>
      <xdr:row>329</xdr:row>
      <xdr:rowOff>28575</xdr:rowOff>
    </xdr:to>
    <xdr:sp macro="" textlink="">
      <xdr:nvSpPr>
        <xdr:cNvPr id="6" name="Text Box 23"/>
        <xdr:cNvSpPr txBox="1">
          <a:spLocks noChangeArrowheads="1"/>
        </xdr:cNvSpPr>
      </xdr:nvSpPr>
      <xdr:spPr bwMode="auto">
        <a:xfrm>
          <a:off x="3186113" y="31737300"/>
          <a:ext cx="47625"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114300</xdr:colOff>
      <xdr:row>350</xdr:row>
      <xdr:rowOff>0</xdr:rowOff>
    </xdr:from>
    <xdr:to>
      <xdr:col>26</xdr:col>
      <xdr:colOff>38101</xdr:colOff>
      <xdr:row>350</xdr:row>
      <xdr:rowOff>38100</xdr:rowOff>
    </xdr:to>
    <xdr:sp macro="" textlink="">
      <xdr:nvSpPr>
        <xdr:cNvPr id="7" name="Text Box 22"/>
        <xdr:cNvSpPr txBox="1">
          <a:spLocks noChangeArrowheads="1"/>
        </xdr:cNvSpPr>
      </xdr:nvSpPr>
      <xdr:spPr bwMode="auto">
        <a:xfrm>
          <a:off x="3209925" y="37728525"/>
          <a:ext cx="47626"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105</xdr:row>
      <xdr:rowOff>0</xdr:rowOff>
    </xdr:from>
    <xdr:to>
      <xdr:col>37</xdr:col>
      <xdr:colOff>104774</xdr:colOff>
      <xdr:row>105</xdr:row>
      <xdr:rowOff>19050</xdr:rowOff>
    </xdr:to>
    <xdr:sp macro="" textlink="">
      <xdr:nvSpPr>
        <xdr:cNvPr id="8" name="Text Box 80"/>
        <xdr:cNvSpPr txBox="1">
          <a:spLocks noChangeArrowheads="1"/>
        </xdr:cNvSpPr>
      </xdr:nvSpPr>
      <xdr:spPr bwMode="auto">
        <a:xfrm>
          <a:off x="4572000" y="6724650"/>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350</xdr:row>
      <xdr:rowOff>0</xdr:rowOff>
    </xdr:from>
    <xdr:to>
      <xdr:col>29</xdr:col>
      <xdr:colOff>38099</xdr:colOff>
      <xdr:row>350</xdr:row>
      <xdr:rowOff>28575</xdr:rowOff>
    </xdr:to>
    <xdr:sp macro="" textlink="">
      <xdr:nvSpPr>
        <xdr:cNvPr id="9" name="Text Box 23"/>
        <xdr:cNvSpPr txBox="1">
          <a:spLocks noChangeArrowheads="1"/>
        </xdr:cNvSpPr>
      </xdr:nvSpPr>
      <xdr:spPr bwMode="auto">
        <a:xfrm>
          <a:off x="3581400" y="37728525"/>
          <a:ext cx="47624"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5</xdr:col>
      <xdr:colOff>0</xdr:colOff>
      <xdr:row>350</xdr:row>
      <xdr:rowOff>0</xdr:rowOff>
    </xdr:from>
    <xdr:to>
      <xdr:col>15</xdr:col>
      <xdr:colOff>57150</xdr:colOff>
      <xdr:row>350</xdr:row>
      <xdr:rowOff>38100</xdr:rowOff>
    </xdr:to>
    <xdr:sp macro="" textlink="">
      <xdr:nvSpPr>
        <xdr:cNvPr id="10" name="Text Box 22"/>
        <xdr:cNvSpPr txBox="1">
          <a:spLocks noChangeArrowheads="1"/>
        </xdr:cNvSpPr>
      </xdr:nvSpPr>
      <xdr:spPr bwMode="auto">
        <a:xfrm>
          <a:off x="18573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350</xdr:row>
      <xdr:rowOff>0</xdr:rowOff>
    </xdr:from>
    <xdr:to>
      <xdr:col>23</xdr:col>
      <xdr:colOff>19050</xdr:colOff>
      <xdr:row>350</xdr:row>
      <xdr:rowOff>38100</xdr:rowOff>
    </xdr:to>
    <xdr:sp macro="" textlink="">
      <xdr:nvSpPr>
        <xdr:cNvPr id="11" name="Text Box 22"/>
        <xdr:cNvSpPr txBox="1">
          <a:spLocks noChangeArrowheads="1"/>
        </xdr:cNvSpPr>
      </xdr:nvSpPr>
      <xdr:spPr bwMode="auto">
        <a:xfrm>
          <a:off x="2847975" y="37728525"/>
          <a:ext cx="190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350</xdr:row>
      <xdr:rowOff>0</xdr:rowOff>
    </xdr:from>
    <xdr:to>
      <xdr:col>31</xdr:col>
      <xdr:colOff>57150</xdr:colOff>
      <xdr:row>350</xdr:row>
      <xdr:rowOff>38100</xdr:rowOff>
    </xdr:to>
    <xdr:sp macro="" textlink="">
      <xdr:nvSpPr>
        <xdr:cNvPr id="12" name="Text Box 22"/>
        <xdr:cNvSpPr txBox="1">
          <a:spLocks noChangeArrowheads="1"/>
        </xdr:cNvSpPr>
      </xdr:nvSpPr>
      <xdr:spPr bwMode="auto">
        <a:xfrm>
          <a:off x="38385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9</xdr:col>
      <xdr:colOff>0</xdr:colOff>
      <xdr:row>350</xdr:row>
      <xdr:rowOff>0</xdr:rowOff>
    </xdr:from>
    <xdr:to>
      <xdr:col>39</xdr:col>
      <xdr:colOff>57150</xdr:colOff>
      <xdr:row>350</xdr:row>
      <xdr:rowOff>38100</xdr:rowOff>
    </xdr:to>
    <xdr:sp macro="" textlink="">
      <xdr:nvSpPr>
        <xdr:cNvPr id="13" name="Text Box 22"/>
        <xdr:cNvSpPr txBox="1">
          <a:spLocks noChangeArrowheads="1"/>
        </xdr:cNvSpPr>
      </xdr:nvSpPr>
      <xdr:spPr bwMode="auto">
        <a:xfrm>
          <a:off x="48291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7</xdr:col>
      <xdr:colOff>0</xdr:colOff>
      <xdr:row>350</xdr:row>
      <xdr:rowOff>0</xdr:rowOff>
    </xdr:from>
    <xdr:to>
      <xdr:col>47</xdr:col>
      <xdr:colOff>57150</xdr:colOff>
      <xdr:row>350</xdr:row>
      <xdr:rowOff>38100</xdr:rowOff>
    </xdr:to>
    <xdr:sp macro="" textlink="">
      <xdr:nvSpPr>
        <xdr:cNvPr id="14" name="Text Box 22"/>
        <xdr:cNvSpPr txBox="1">
          <a:spLocks noChangeArrowheads="1"/>
        </xdr:cNvSpPr>
      </xdr:nvSpPr>
      <xdr:spPr bwMode="auto">
        <a:xfrm>
          <a:off x="58197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5</xdr:col>
      <xdr:colOff>0</xdr:colOff>
      <xdr:row>350</xdr:row>
      <xdr:rowOff>0</xdr:rowOff>
    </xdr:from>
    <xdr:to>
      <xdr:col>55</xdr:col>
      <xdr:colOff>57150</xdr:colOff>
      <xdr:row>350</xdr:row>
      <xdr:rowOff>38100</xdr:rowOff>
    </xdr:to>
    <xdr:sp macro="" textlink="">
      <xdr:nvSpPr>
        <xdr:cNvPr id="15" name="Text Box 22"/>
        <xdr:cNvSpPr txBox="1">
          <a:spLocks noChangeArrowheads="1"/>
        </xdr:cNvSpPr>
      </xdr:nvSpPr>
      <xdr:spPr bwMode="auto">
        <a:xfrm>
          <a:off x="68103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350</xdr:row>
      <xdr:rowOff>0</xdr:rowOff>
    </xdr:from>
    <xdr:to>
      <xdr:col>9</xdr:col>
      <xdr:colOff>57150</xdr:colOff>
      <xdr:row>350</xdr:row>
      <xdr:rowOff>28575</xdr:rowOff>
    </xdr:to>
    <xdr:sp macro="" textlink="">
      <xdr:nvSpPr>
        <xdr:cNvPr id="16" name="Text Box 22"/>
        <xdr:cNvSpPr txBox="1">
          <a:spLocks noChangeArrowheads="1"/>
        </xdr:cNvSpPr>
      </xdr:nvSpPr>
      <xdr:spPr bwMode="auto">
        <a:xfrm>
          <a:off x="11144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7</xdr:col>
      <xdr:colOff>0</xdr:colOff>
      <xdr:row>350</xdr:row>
      <xdr:rowOff>0</xdr:rowOff>
    </xdr:from>
    <xdr:to>
      <xdr:col>17</xdr:col>
      <xdr:colOff>57150</xdr:colOff>
      <xdr:row>350</xdr:row>
      <xdr:rowOff>28575</xdr:rowOff>
    </xdr:to>
    <xdr:sp macro="" textlink="">
      <xdr:nvSpPr>
        <xdr:cNvPr id="17" name="Text Box 22"/>
        <xdr:cNvSpPr txBox="1">
          <a:spLocks noChangeArrowheads="1"/>
        </xdr:cNvSpPr>
      </xdr:nvSpPr>
      <xdr:spPr bwMode="auto">
        <a:xfrm>
          <a:off x="21050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350</xdr:row>
      <xdr:rowOff>0</xdr:rowOff>
    </xdr:from>
    <xdr:to>
      <xdr:col>23</xdr:col>
      <xdr:colOff>57150</xdr:colOff>
      <xdr:row>350</xdr:row>
      <xdr:rowOff>28575</xdr:rowOff>
    </xdr:to>
    <xdr:sp macro="" textlink="">
      <xdr:nvSpPr>
        <xdr:cNvPr id="18" name="Text Box 22"/>
        <xdr:cNvSpPr txBox="1">
          <a:spLocks noChangeArrowheads="1"/>
        </xdr:cNvSpPr>
      </xdr:nvSpPr>
      <xdr:spPr bwMode="auto">
        <a:xfrm>
          <a:off x="284797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0</xdr:colOff>
      <xdr:row>350</xdr:row>
      <xdr:rowOff>0</xdr:rowOff>
    </xdr:from>
    <xdr:to>
      <xdr:col>29</xdr:col>
      <xdr:colOff>57150</xdr:colOff>
      <xdr:row>350</xdr:row>
      <xdr:rowOff>28575</xdr:rowOff>
    </xdr:to>
    <xdr:sp macro="" textlink="">
      <xdr:nvSpPr>
        <xdr:cNvPr id="19" name="Text Box 22"/>
        <xdr:cNvSpPr txBox="1">
          <a:spLocks noChangeArrowheads="1"/>
        </xdr:cNvSpPr>
      </xdr:nvSpPr>
      <xdr:spPr bwMode="auto">
        <a:xfrm>
          <a:off x="35909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5</xdr:col>
      <xdr:colOff>0</xdr:colOff>
      <xdr:row>350</xdr:row>
      <xdr:rowOff>0</xdr:rowOff>
    </xdr:from>
    <xdr:to>
      <xdr:col>35</xdr:col>
      <xdr:colOff>57150</xdr:colOff>
      <xdr:row>350</xdr:row>
      <xdr:rowOff>28575</xdr:rowOff>
    </xdr:to>
    <xdr:sp macro="" textlink="">
      <xdr:nvSpPr>
        <xdr:cNvPr id="20" name="Text Box 22"/>
        <xdr:cNvSpPr txBox="1">
          <a:spLocks noChangeArrowheads="1"/>
        </xdr:cNvSpPr>
      </xdr:nvSpPr>
      <xdr:spPr bwMode="auto">
        <a:xfrm>
          <a:off x="433387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0</xdr:colOff>
      <xdr:row>350</xdr:row>
      <xdr:rowOff>0</xdr:rowOff>
    </xdr:from>
    <xdr:to>
      <xdr:col>41</xdr:col>
      <xdr:colOff>57150</xdr:colOff>
      <xdr:row>350</xdr:row>
      <xdr:rowOff>28575</xdr:rowOff>
    </xdr:to>
    <xdr:sp macro="" textlink="">
      <xdr:nvSpPr>
        <xdr:cNvPr id="21" name="Text Box 22"/>
        <xdr:cNvSpPr txBox="1">
          <a:spLocks noChangeArrowheads="1"/>
        </xdr:cNvSpPr>
      </xdr:nvSpPr>
      <xdr:spPr bwMode="auto">
        <a:xfrm>
          <a:off x="50768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114300</xdr:colOff>
      <xdr:row>61</xdr:row>
      <xdr:rowOff>0</xdr:rowOff>
    </xdr:from>
    <xdr:to>
      <xdr:col>42</xdr:col>
      <xdr:colOff>57150</xdr:colOff>
      <xdr:row>61</xdr:row>
      <xdr:rowOff>38100</xdr:rowOff>
    </xdr:to>
    <xdr:sp macro="" textlink="">
      <xdr:nvSpPr>
        <xdr:cNvPr id="22" name="Text Box 80"/>
        <xdr:cNvSpPr txBox="1">
          <a:spLocks noChangeArrowheads="1"/>
        </xdr:cNvSpPr>
      </xdr:nvSpPr>
      <xdr:spPr bwMode="auto">
        <a:xfrm>
          <a:off x="5191125" y="190500"/>
          <a:ext cx="6667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8</xdr:col>
      <xdr:colOff>114300</xdr:colOff>
      <xdr:row>61</xdr:row>
      <xdr:rowOff>0</xdr:rowOff>
    </xdr:from>
    <xdr:to>
      <xdr:col>39</xdr:col>
      <xdr:colOff>47624</xdr:colOff>
      <xdr:row>61</xdr:row>
      <xdr:rowOff>38100</xdr:rowOff>
    </xdr:to>
    <xdr:sp macro="" textlink="">
      <xdr:nvSpPr>
        <xdr:cNvPr id="23" name="Text Box 118"/>
        <xdr:cNvSpPr txBox="1">
          <a:spLocks noChangeArrowheads="1"/>
        </xdr:cNvSpPr>
      </xdr:nvSpPr>
      <xdr:spPr bwMode="auto">
        <a:xfrm>
          <a:off x="4819650" y="190500"/>
          <a:ext cx="5714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350</xdr:row>
      <xdr:rowOff>0</xdr:rowOff>
    </xdr:from>
    <xdr:to>
      <xdr:col>9</xdr:col>
      <xdr:colOff>57150</xdr:colOff>
      <xdr:row>350</xdr:row>
      <xdr:rowOff>28575</xdr:rowOff>
    </xdr:to>
    <xdr:sp macro="" textlink="">
      <xdr:nvSpPr>
        <xdr:cNvPr id="24" name="Text Box 22"/>
        <xdr:cNvSpPr txBox="1">
          <a:spLocks noChangeArrowheads="1"/>
        </xdr:cNvSpPr>
      </xdr:nvSpPr>
      <xdr:spPr bwMode="auto">
        <a:xfrm>
          <a:off x="11144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25</xdr:col>
      <xdr:colOff>66675</xdr:colOff>
      <xdr:row>394</xdr:row>
      <xdr:rowOff>0</xdr:rowOff>
    </xdr:from>
    <xdr:to>
      <xdr:col>43</xdr:col>
      <xdr:colOff>0</xdr:colOff>
      <xdr:row>394</xdr:row>
      <xdr:rowOff>0</xdr:rowOff>
    </xdr:to>
    <xdr:sp macro="" textlink="">
      <xdr:nvSpPr>
        <xdr:cNvPr id="25" name="AutoShape 85"/>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394</xdr:row>
      <xdr:rowOff>0</xdr:rowOff>
    </xdr:from>
    <xdr:to>
      <xdr:col>59</xdr:col>
      <xdr:colOff>38100</xdr:colOff>
      <xdr:row>394</xdr:row>
      <xdr:rowOff>0</xdr:rowOff>
    </xdr:to>
    <xdr:sp macro="" textlink="">
      <xdr:nvSpPr>
        <xdr:cNvPr id="26" name="AutoShape 86"/>
        <xdr:cNvSpPr>
          <a:spLocks noChangeArrowheads="1"/>
        </xdr:cNvSpPr>
      </xdr:nvSpPr>
      <xdr:spPr bwMode="auto">
        <a:xfrm>
          <a:off x="5600700" y="497586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94</xdr:row>
      <xdr:rowOff>0</xdr:rowOff>
    </xdr:from>
    <xdr:to>
      <xdr:col>68</xdr:col>
      <xdr:colOff>9525</xdr:colOff>
      <xdr:row>394</xdr:row>
      <xdr:rowOff>0</xdr:rowOff>
    </xdr:to>
    <xdr:sp macro="" textlink="">
      <xdr:nvSpPr>
        <xdr:cNvPr id="27" name="AutoShape 87"/>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94</xdr:row>
      <xdr:rowOff>0</xdr:rowOff>
    </xdr:from>
    <xdr:to>
      <xdr:col>30</xdr:col>
      <xdr:colOff>0</xdr:colOff>
      <xdr:row>394</xdr:row>
      <xdr:rowOff>0</xdr:rowOff>
    </xdr:to>
    <xdr:sp macro="" textlink="">
      <xdr:nvSpPr>
        <xdr:cNvPr id="28" name="Text Box 88"/>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394</xdr:row>
      <xdr:rowOff>0</xdr:rowOff>
    </xdr:from>
    <xdr:to>
      <xdr:col>47</xdr:col>
      <xdr:colOff>95250</xdr:colOff>
      <xdr:row>394</xdr:row>
      <xdr:rowOff>0</xdr:rowOff>
    </xdr:to>
    <xdr:sp macro="" textlink="">
      <xdr:nvSpPr>
        <xdr:cNvPr id="29" name="Text Box 89"/>
        <xdr:cNvSpPr txBox="1">
          <a:spLocks noChangeArrowheads="1"/>
        </xdr:cNvSpPr>
      </xdr:nvSpPr>
      <xdr:spPr bwMode="auto">
        <a:xfrm>
          <a:off x="5372100" y="497586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394</xdr:row>
      <xdr:rowOff>0</xdr:rowOff>
    </xdr:from>
    <xdr:to>
      <xdr:col>45</xdr:col>
      <xdr:colOff>66675</xdr:colOff>
      <xdr:row>394</xdr:row>
      <xdr:rowOff>0</xdr:rowOff>
    </xdr:to>
    <xdr:sp macro="" textlink="">
      <xdr:nvSpPr>
        <xdr:cNvPr id="30" name="Text Box 90"/>
        <xdr:cNvSpPr txBox="1">
          <a:spLocks noChangeArrowheads="1"/>
        </xdr:cNvSpPr>
      </xdr:nvSpPr>
      <xdr:spPr bwMode="auto">
        <a:xfrm>
          <a:off x="4991100" y="497586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394</xdr:row>
      <xdr:rowOff>0</xdr:rowOff>
    </xdr:from>
    <xdr:to>
      <xdr:col>52</xdr:col>
      <xdr:colOff>66675</xdr:colOff>
      <xdr:row>394</xdr:row>
      <xdr:rowOff>0</xdr:rowOff>
    </xdr:to>
    <xdr:sp macro="" textlink="">
      <xdr:nvSpPr>
        <xdr:cNvPr id="31" name="Line 91"/>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394</xdr:row>
      <xdr:rowOff>0</xdr:rowOff>
    </xdr:from>
    <xdr:to>
      <xdr:col>52</xdr:col>
      <xdr:colOff>66675</xdr:colOff>
      <xdr:row>394</xdr:row>
      <xdr:rowOff>0</xdr:rowOff>
    </xdr:to>
    <xdr:sp macro="" textlink="">
      <xdr:nvSpPr>
        <xdr:cNvPr id="32" name="Line 92"/>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394</xdr:row>
      <xdr:rowOff>0</xdr:rowOff>
    </xdr:from>
    <xdr:to>
      <xdr:col>43</xdr:col>
      <xdr:colOff>0</xdr:colOff>
      <xdr:row>394</xdr:row>
      <xdr:rowOff>0</xdr:rowOff>
    </xdr:to>
    <xdr:sp macro="" textlink="">
      <xdr:nvSpPr>
        <xdr:cNvPr id="33" name="AutoShape 93"/>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394</xdr:row>
      <xdr:rowOff>0</xdr:rowOff>
    </xdr:from>
    <xdr:to>
      <xdr:col>63</xdr:col>
      <xdr:colOff>38100</xdr:colOff>
      <xdr:row>394</xdr:row>
      <xdr:rowOff>0</xdr:rowOff>
    </xdr:to>
    <xdr:sp macro="" textlink="">
      <xdr:nvSpPr>
        <xdr:cNvPr id="34" name="AutoShape 94"/>
        <xdr:cNvSpPr>
          <a:spLocks noChangeArrowheads="1"/>
        </xdr:cNvSpPr>
      </xdr:nvSpPr>
      <xdr:spPr bwMode="auto">
        <a:xfrm>
          <a:off x="6343650" y="49758600"/>
          <a:ext cx="14954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94</xdr:row>
      <xdr:rowOff>0</xdr:rowOff>
    </xdr:from>
    <xdr:to>
      <xdr:col>68</xdr:col>
      <xdr:colOff>9525</xdr:colOff>
      <xdr:row>394</xdr:row>
      <xdr:rowOff>0</xdr:rowOff>
    </xdr:to>
    <xdr:sp macro="" textlink="">
      <xdr:nvSpPr>
        <xdr:cNvPr id="35" name="AutoShape 95"/>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94</xdr:row>
      <xdr:rowOff>0</xdr:rowOff>
    </xdr:from>
    <xdr:to>
      <xdr:col>30</xdr:col>
      <xdr:colOff>0</xdr:colOff>
      <xdr:row>394</xdr:row>
      <xdr:rowOff>0</xdr:rowOff>
    </xdr:to>
    <xdr:sp macro="" textlink="">
      <xdr:nvSpPr>
        <xdr:cNvPr id="36" name="Text Box 96"/>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394</xdr:row>
      <xdr:rowOff>0</xdr:rowOff>
    </xdr:from>
    <xdr:to>
      <xdr:col>53</xdr:col>
      <xdr:colOff>0</xdr:colOff>
      <xdr:row>394</xdr:row>
      <xdr:rowOff>0</xdr:rowOff>
    </xdr:to>
    <xdr:sp macro="" textlink="">
      <xdr:nvSpPr>
        <xdr:cNvPr id="37" name="Text Box 97"/>
        <xdr:cNvSpPr txBox="1">
          <a:spLocks noChangeArrowheads="1"/>
        </xdr:cNvSpPr>
      </xdr:nvSpPr>
      <xdr:spPr bwMode="auto">
        <a:xfrm>
          <a:off x="5867400" y="49758600"/>
          <a:ext cx="6953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394</xdr:row>
      <xdr:rowOff>0</xdr:rowOff>
    </xdr:from>
    <xdr:to>
      <xdr:col>51</xdr:col>
      <xdr:colOff>66675</xdr:colOff>
      <xdr:row>394</xdr:row>
      <xdr:rowOff>0</xdr:rowOff>
    </xdr:to>
    <xdr:sp macro="" textlink="">
      <xdr:nvSpPr>
        <xdr:cNvPr id="38" name="Text Box 98"/>
        <xdr:cNvSpPr txBox="1">
          <a:spLocks noChangeArrowheads="1"/>
        </xdr:cNvSpPr>
      </xdr:nvSpPr>
      <xdr:spPr bwMode="auto">
        <a:xfrm>
          <a:off x="5486400" y="49758600"/>
          <a:ext cx="89535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394</xdr:row>
      <xdr:rowOff>0</xdr:rowOff>
    </xdr:from>
    <xdr:to>
      <xdr:col>54</xdr:col>
      <xdr:colOff>66675</xdr:colOff>
      <xdr:row>394</xdr:row>
      <xdr:rowOff>0</xdr:rowOff>
    </xdr:to>
    <xdr:sp macro="" textlink="">
      <xdr:nvSpPr>
        <xdr:cNvPr id="39" name="Line 99"/>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394</xdr:row>
      <xdr:rowOff>0</xdr:rowOff>
    </xdr:from>
    <xdr:to>
      <xdr:col>54</xdr:col>
      <xdr:colOff>66675</xdr:colOff>
      <xdr:row>394</xdr:row>
      <xdr:rowOff>0</xdr:rowOff>
    </xdr:to>
    <xdr:sp macro="" textlink="">
      <xdr:nvSpPr>
        <xdr:cNvPr id="40" name="Line 100"/>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394</xdr:row>
      <xdr:rowOff>0</xdr:rowOff>
    </xdr:from>
    <xdr:to>
      <xdr:col>43</xdr:col>
      <xdr:colOff>0</xdr:colOff>
      <xdr:row>394</xdr:row>
      <xdr:rowOff>0</xdr:rowOff>
    </xdr:to>
    <xdr:sp macro="" textlink="">
      <xdr:nvSpPr>
        <xdr:cNvPr id="41" name="AutoShape 85"/>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394</xdr:row>
      <xdr:rowOff>0</xdr:rowOff>
    </xdr:from>
    <xdr:to>
      <xdr:col>59</xdr:col>
      <xdr:colOff>38100</xdr:colOff>
      <xdr:row>394</xdr:row>
      <xdr:rowOff>0</xdr:rowOff>
    </xdr:to>
    <xdr:sp macro="" textlink="">
      <xdr:nvSpPr>
        <xdr:cNvPr id="42" name="AutoShape 86"/>
        <xdr:cNvSpPr>
          <a:spLocks noChangeArrowheads="1"/>
        </xdr:cNvSpPr>
      </xdr:nvSpPr>
      <xdr:spPr bwMode="auto">
        <a:xfrm>
          <a:off x="5600700" y="497586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94</xdr:row>
      <xdr:rowOff>0</xdr:rowOff>
    </xdr:from>
    <xdr:to>
      <xdr:col>68</xdr:col>
      <xdr:colOff>9525</xdr:colOff>
      <xdr:row>394</xdr:row>
      <xdr:rowOff>0</xdr:rowOff>
    </xdr:to>
    <xdr:sp macro="" textlink="">
      <xdr:nvSpPr>
        <xdr:cNvPr id="43" name="AutoShape 87"/>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94</xdr:row>
      <xdr:rowOff>0</xdr:rowOff>
    </xdr:from>
    <xdr:to>
      <xdr:col>30</xdr:col>
      <xdr:colOff>0</xdr:colOff>
      <xdr:row>394</xdr:row>
      <xdr:rowOff>0</xdr:rowOff>
    </xdr:to>
    <xdr:sp macro="" textlink="">
      <xdr:nvSpPr>
        <xdr:cNvPr id="44" name="Text Box 88"/>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394</xdr:row>
      <xdr:rowOff>0</xdr:rowOff>
    </xdr:from>
    <xdr:to>
      <xdr:col>47</xdr:col>
      <xdr:colOff>95250</xdr:colOff>
      <xdr:row>394</xdr:row>
      <xdr:rowOff>0</xdr:rowOff>
    </xdr:to>
    <xdr:sp macro="" textlink="">
      <xdr:nvSpPr>
        <xdr:cNvPr id="45" name="Text Box 89"/>
        <xdr:cNvSpPr txBox="1">
          <a:spLocks noChangeArrowheads="1"/>
        </xdr:cNvSpPr>
      </xdr:nvSpPr>
      <xdr:spPr bwMode="auto">
        <a:xfrm>
          <a:off x="5372100" y="497586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394</xdr:row>
      <xdr:rowOff>0</xdr:rowOff>
    </xdr:from>
    <xdr:to>
      <xdr:col>45</xdr:col>
      <xdr:colOff>66675</xdr:colOff>
      <xdr:row>394</xdr:row>
      <xdr:rowOff>0</xdr:rowOff>
    </xdr:to>
    <xdr:sp macro="" textlink="">
      <xdr:nvSpPr>
        <xdr:cNvPr id="46" name="Text Box 90"/>
        <xdr:cNvSpPr txBox="1">
          <a:spLocks noChangeArrowheads="1"/>
        </xdr:cNvSpPr>
      </xdr:nvSpPr>
      <xdr:spPr bwMode="auto">
        <a:xfrm>
          <a:off x="4991100" y="497586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394</xdr:row>
      <xdr:rowOff>0</xdr:rowOff>
    </xdr:from>
    <xdr:to>
      <xdr:col>52</xdr:col>
      <xdr:colOff>66675</xdr:colOff>
      <xdr:row>394</xdr:row>
      <xdr:rowOff>0</xdr:rowOff>
    </xdr:to>
    <xdr:sp macro="" textlink="">
      <xdr:nvSpPr>
        <xdr:cNvPr id="47" name="Line 91"/>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394</xdr:row>
      <xdr:rowOff>0</xdr:rowOff>
    </xdr:from>
    <xdr:to>
      <xdr:col>52</xdr:col>
      <xdr:colOff>66675</xdr:colOff>
      <xdr:row>394</xdr:row>
      <xdr:rowOff>0</xdr:rowOff>
    </xdr:to>
    <xdr:sp macro="" textlink="">
      <xdr:nvSpPr>
        <xdr:cNvPr id="48" name="Line 92"/>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394</xdr:row>
      <xdr:rowOff>0</xdr:rowOff>
    </xdr:from>
    <xdr:to>
      <xdr:col>43</xdr:col>
      <xdr:colOff>0</xdr:colOff>
      <xdr:row>394</xdr:row>
      <xdr:rowOff>0</xdr:rowOff>
    </xdr:to>
    <xdr:sp macro="" textlink="">
      <xdr:nvSpPr>
        <xdr:cNvPr id="49" name="AutoShape 93"/>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394</xdr:row>
      <xdr:rowOff>0</xdr:rowOff>
    </xdr:from>
    <xdr:to>
      <xdr:col>63</xdr:col>
      <xdr:colOff>38100</xdr:colOff>
      <xdr:row>394</xdr:row>
      <xdr:rowOff>0</xdr:rowOff>
    </xdr:to>
    <xdr:sp macro="" textlink="">
      <xdr:nvSpPr>
        <xdr:cNvPr id="50" name="AutoShape 94"/>
        <xdr:cNvSpPr>
          <a:spLocks noChangeArrowheads="1"/>
        </xdr:cNvSpPr>
      </xdr:nvSpPr>
      <xdr:spPr bwMode="auto">
        <a:xfrm>
          <a:off x="6343650" y="49758600"/>
          <a:ext cx="14954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94</xdr:row>
      <xdr:rowOff>0</xdr:rowOff>
    </xdr:from>
    <xdr:to>
      <xdr:col>68</xdr:col>
      <xdr:colOff>9525</xdr:colOff>
      <xdr:row>394</xdr:row>
      <xdr:rowOff>0</xdr:rowOff>
    </xdr:to>
    <xdr:sp macro="" textlink="">
      <xdr:nvSpPr>
        <xdr:cNvPr id="51" name="AutoShape 95"/>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94</xdr:row>
      <xdr:rowOff>0</xdr:rowOff>
    </xdr:from>
    <xdr:to>
      <xdr:col>30</xdr:col>
      <xdr:colOff>0</xdr:colOff>
      <xdr:row>394</xdr:row>
      <xdr:rowOff>0</xdr:rowOff>
    </xdr:to>
    <xdr:sp macro="" textlink="">
      <xdr:nvSpPr>
        <xdr:cNvPr id="52" name="Text Box 96"/>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394</xdr:row>
      <xdr:rowOff>0</xdr:rowOff>
    </xdr:from>
    <xdr:to>
      <xdr:col>53</xdr:col>
      <xdr:colOff>0</xdr:colOff>
      <xdr:row>394</xdr:row>
      <xdr:rowOff>0</xdr:rowOff>
    </xdr:to>
    <xdr:sp macro="" textlink="">
      <xdr:nvSpPr>
        <xdr:cNvPr id="53" name="Text Box 97"/>
        <xdr:cNvSpPr txBox="1">
          <a:spLocks noChangeArrowheads="1"/>
        </xdr:cNvSpPr>
      </xdr:nvSpPr>
      <xdr:spPr bwMode="auto">
        <a:xfrm>
          <a:off x="5867400" y="49758600"/>
          <a:ext cx="6953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394</xdr:row>
      <xdr:rowOff>0</xdr:rowOff>
    </xdr:from>
    <xdr:to>
      <xdr:col>51</xdr:col>
      <xdr:colOff>66675</xdr:colOff>
      <xdr:row>394</xdr:row>
      <xdr:rowOff>0</xdr:rowOff>
    </xdr:to>
    <xdr:sp macro="" textlink="">
      <xdr:nvSpPr>
        <xdr:cNvPr id="54" name="Text Box 98"/>
        <xdr:cNvSpPr txBox="1">
          <a:spLocks noChangeArrowheads="1"/>
        </xdr:cNvSpPr>
      </xdr:nvSpPr>
      <xdr:spPr bwMode="auto">
        <a:xfrm>
          <a:off x="5486400" y="49758600"/>
          <a:ext cx="89535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394</xdr:row>
      <xdr:rowOff>0</xdr:rowOff>
    </xdr:from>
    <xdr:to>
      <xdr:col>54</xdr:col>
      <xdr:colOff>66675</xdr:colOff>
      <xdr:row>394</xdr:row>
      <xdr:rowOff>0</xdr:rowOff>
    </xdr:to>
    <xdr:sp macro="" textlink="">
      <xdr:nvSpPr>
        <xdr:cNvPr id="55" name="Line 99"/>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394</xdr:row>
      <xdr:rowOff>0</xdr:rowOff>
    </xdr:from>
    <xdr:to>
      <xdr:col>54</xdr:col>
      <xdr:colOff>66675</xdr:colOff>
      <xdr:row>394</xdr:row>
      <xdr:rowOff>0</xdr:rowOff>
    </xdr:to>
    <xdr:sp macro="" textlink="">
      <xdr:nvSpPr>
        <xdr:cNvPr id="56" name="Line 100"/>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394</xdr:row>
      <xdr:rowOff>0</xdr:rowOff>
    </xdr:from>
    <xdr:to>
      <xdr:col>43</xdr:col>
      <xdr:colOff>0</xdr:colOff>
      <xdr:row>394</xdr:row>
      <xdr:rowOff>0</xdr:rowOff>
    </xdr:to>
    <xdr:sp macro="" textlink="">
      <xdr:nvSpPr>
        <xdr:cNvPr id="57" name="AutoShape 85"/>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394</xdr:row>
      <xdr:rowOff>0</xdr:rowOff>
    </xdr:from>
    <xdr:to>
      <xdr:col>59</xdr:col>
      <xdr:colOff>38100</xdr:colOff>
      <xdr:row>394</xdr:row>
      <xdr:rowOff>0</xdr:rowOff>
    </xdr:to>
    <xdr:sp macro="" textlink="">
      <xdr:nvSpPr>
        <xdr:cNvPr id="58" name="AutoShape 86"/>
        <xdr:cNvSpPr>
          <a:spLocks noChangeArrowheads="1"/>
        </xdr:cNvSpPr>
      </xdr:nvSpPr>
      <xdr:spPr bwMode="auto">
        <a:xfrm>
          <a:off x="5600700" y="497586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94</xdr:row>
      <xdr:rowOff>0</xdr:rowOff>
    </xdr:from>
    <xdr:to>
      <xdr:col>68</xdr:col>
      <xdr:colOff>9525</xdr:colOff>
      <xdr:row>394</xdr:row>
      <xdr:rowOff>0</xdr:rowOff>
    </xdr:to>
    <xdr:sp macro="" textlink="">
      <xdr:nvSpPr>
        <xdr:cNvPr id="59" name="AutoShape 87"/>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94</xdr:row>
      <xdr:rowOff>0</xdr:rowOff>
    </xdr:from>
    <xdr:to>
      <xdr:col>30</xdr:col>
      <xdr:colOff>0</xdr:colOff>
      <xdr:row>394</xdr:row>
      <xdr:rowOff>0</xdr:rowOff>
    </xdr:to>
    <xdr:sp macro="" textlink="">
      <xdr:nvSpPr>
        <xdr:cNvPr id="60" name="Text Box 88"/>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394</xdr:row>
      <xdr:rowOff>0</xdr:rowOff>
    </xdr:from>
    <xdr:to>
      <xdr:col>47</xdr:col>
      <xdr:colOff>95250</xdr:colOff>
      <xdr:row>394</xdr:row>
      <xdr:rowOff>0</xdr:rowOff>
    </xdr:to>
    <xdr:sp macro="" textlink="">
      <xdr:nvSpPr>
        <xdr:cNvPr id="61" name="Text Box 89"/>
        <xdr:cNvSpPr txBox="1">
          <a:spLocks noChangeArrowheads="1"/>
        </xdr:cNvSpPr>
      </xdr:nvSpPr>
      <xdr:spPr bwMode="auto">
        <a:xfrm>
          <a:off x="5372100" y="497586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394</xdr:row>
      <xdr:rowOff>0</xdr:rowOff>
    </xdr:from>
    <xdr:to>
      <xdr:col>45</xdr:col>
      <xdr:colOff>66675</xdr:colOff>
      <xdr:row>394</xdr:row>
      <xdr:rowOff>0</xdr:rowOff>
    </xdr:to>
    <xdr:sp macro="" textlink="">
      <xdr:nvSpPr>
        <xdr:cNvPr id="62" name="Text Box 90"/>
        <xdr:cNvSpPr txBox="1">
          <a:spLocks noChangeArrowheads="1"/>
        </xdr:cNvSpPr>
      </xdr:nvSpPr>
      <xdr:spPr bwMode="auto">
        <a:xfrm>
          <a:off x="4991100" y="497586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394</xdr:row>
      <xdr:rowOff>0</xdr:rowOff>
    </xdr:from>
    <xdr:to>
      <xdr:col>52</xdr:col>
      <xdr:colOff>66675</xdr:colOff>
      <xdr:row>394</xdr:row>
      <xdr:rowOff>0</xdr:rowOff>
    </xdr:to>
    <xdr:sp macro="" textlink="">
      <xdr:nvSpPr>
        <xdr:cNvPr id="63" name="Line 91"/>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394</xdr:row>
      <xdr:rowOff>0</xdr:rowOff>
    </xdr:from>
    <xdr:to>
      <xdr:col>52</xdr:col>
      <xdr:colOff>66675</xdr:colOff>
      <xdr:row>394</xdr:row>
      <xdr:rowOff>0</xdr:rowOff>
    </xdr:to>
    <xdr:sp macro="" textlink="">
      <xdr:nvSpPr>
        <xdr:cNvPr id="64" name="Line 92"/>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394</xdr:row>
      <xdr:rowOff>0</xdr:rowOff>
    </xdr:from>
    <xdr:to>
      <xdr:col>43</xdr:col>
      <xdr:colOff>0</xdr:colOff>
      <xdr:row>394</xdr:row>
      <xdr:rowOff>0</xdr:rowOff>
    </xdr:to>
    <xdr:sp macro="" textlink="">
      <xdr:nvSpPr>
        <xdr:cNvPr id="65" name="AutoShape 93"/>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394</xdr:row>
      <xdr:rowOff>0</xdr:rowOff>
    </xdr:from>
    <xdr:to>
      <xdr:col>63</xdr:col>
      <xdr:colOff>38100</xdr:colOff>
      <xdr:row>394</xdr:row>
      <xdr:rowOff>0</xdr:rowOff>
    </xdr:to>
    <xdr:sp macro="" textlink="">
      <xdr:nvSpPr>
        <xdr:cNvPr id="66" name="AutoShape 94"/>
        <xdr:cNvSpPr>
          <a:spLocks noChangeArrowheads="1"/>
        </xdr:cNvSpPr>
      </xdr:nvSpPr>
      <xdr:spPr bwMode="auto">
        <a:xfrm>
          <a:off x="6343650" y="49758600"/>
          <a:ext cx="14954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94</xdr:row>
      <xdr:rowOff>0</xdr:rowOff>
    </xdr:from>
    <xdr:to>
      <xdr:col>68</xdr:col>
      <xdr:colOff>9525</xdr:colOff>
      <xdr:row>394</xdr:row>
      <xdr:rowOff>0</xdr:rowOff>
    </xdr:to>
    <xdr:sp macro="" textlink="">
      <xdr:nvSpPr>
        <xdr:cNvPr id="67" name="AutoShape 95"/>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94</xdr:row>
      <xdr:rowOff>0</xdr:rowOff>
    </xdr:from>
    <xdr:to>
      <xdr:col>30</xdr:col>
      <xdr:colOff>0</xdr:colOff>
      <xdr:row>394</xdr:row>
      <xdr:rowOff>0</xdr:rowOff>
    </xdr:to>
    <xdr:sp macro="" textlink="">
      <xdr:nvSpPr>
        <xdr:cNvPr id="68" name="Text Box 96"/>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394</xdr:row>
      <xdr:rowOff>0</xdr:rowOff>
    </xdr:from>
    <xdr:to>
      <xdr:col>53</xdr:col>
      <xdr:colOff>0</xdr:colOff>
      <xdr:row>394</xdr:row>
      <xdr:rowOff>0</xdr:rowOff>
    </xdr:to>
    <xdr:sp macro="" textlink="">
      <xdr:nvSpPr>
        <xdr:cNvPr id="69" name="Text Box 97"/>
        <xdr:cNvSpPr txBox="1">
          <a:spLocks noChangeArrowheads="1"/>
        </xdr:cNvSpPr>
      </xdr:nvSpPr>
      <xdr:spPr bwMode="auto">
        <a:xfrm>
          <a:off x="5867400" y="49758600"/>
          <a:ext cx="6953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394</xdr:row>
      <xdr:rowOff>0</xdr:rowOff>
    </xdr:from>
    <xdr:to>
      <xdr:col>51</xdr:col>
      <xdr:colOff>66675</xdr:colOff>
      <xdr:row>394</xdr:row>
      <xdr:rowOff>0</xdr:rowOff>
    </xdr:to>
    <xdr:sp macro="" textlink="">
      <xdr:nvSpPr>
        <xdr:cNvPr id="70" name="Text Box 98"/>
        <xdr:cNvSpPr txBox="1">
          <a:spLocks noChangeArrowheads="1"/>
        </xdr:cNvSpPr>
      </xdr:nvSpPr>
      <xdr:spPr bwMode="auto">
        <a:xfrm>
          <a:off x="5486400" y="49758600"/>
          <a:ext cx="89535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394</xdr:row>
      <xdr:rowOff>0</xdr:rowOff>
    </xdr:from>
    <xdr:to>
      <xdr:col>54</xdr:col>
      <xdr:colOff>66675</xdr:colOff>
      <xdr:row>394</xdr:row>
      <xdr:rowOff>0</xdr:rowOff>
    </xdr:to>
    <xdr:sp macro="" textlink="">
      <xdr:nvSpPr>
        <xdr:cNvPr id="71" name="Line 99"/>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394</xdr:row>
      <xdr:rowOff>0</xdr:rowOff>
    </xdr:from>
    <xdr:to>
      <xdr:col>54</xdr:col>
      <xdr:colOff>66675</xdr:colOff>
      <xdr:row>394</xdr:row>
      <xdr:rowOff>0</xdr:rowOff>
    </xdr:to>
    <xdr:sp macro="" textlink="">
      <xdr:nvSpPr>
        <xdr:cNvPr id="72" name="Line 100"/>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editAs="oneCell">
    <xdr:from>
      <xdr:col>31</xdr:col>
      <xdr:colOff>114300</xdr:colOff>
      <xdr:row>175</xdr:row>
      <xdr:rowOff>0</xdr:rowOff>
    </xdr:from>
    <xdr:to>
      <xdr:col>32</xdr:col>
      <xdr:colOff>38101</xdr:colOff>
      <xdr:row>175</xdr:row>
      <xdr:rowOff>47625</xdr:rowOff>
    </xdr:to>
    <xdr:sp macro="" textlink="">
      <xdr:nvSpPr>
        <xdr:cNvPr id="73" name="Text Box 80"/>
        <xdr:cNvSpPr txBox="1">
          <a:spLocks noChangeArrowheads="1"/>
        </xdr:cNvSpPr>
      </xdr:nvSpPr>
      <xdr:spPr bwMode="auto">
        <a:xfrm>
          <a:off x="3952875" y="1989534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75</xdr:row>
      <xdr:rowOff>0</xdr:rowOff>
    </xdr:from>
    <xdr:to>
      <xdr:col>30</xdr:col>
      <xdr:colOff>76199</xdr:colOff>
      <xdr:row>175</xdr:row>
      <xdr:rowOff>47625</xdr:rowOff>
    </xdr:to>
    <xdr:sp macro="" textlink="">
      <xdr:nvSpPr>
        <xdr:cNvPr id="75" name="Text Box 118"/>
        <xdr:cNvSpPr txBox="1">
          <a:spLocks noChangeArrowheads="1"/>
        </xdr:cNvSpPr>
      </xdr:nvSpPr>
      <xdr:spPr bwMode="auto">
        <a:xfrm>
          <a:off x="3757612" y="205311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75</xdr:row>
      <xdr:rowOff>0</xdr:rowOff>
    </xdr:from>
    <xdr:to>
      <xdr:col>29</xdr:col>
      <xdr:colOff>38100</xdr:colOff>
      <xdr:row>175</xdr:row>
      <xdr:rowOff>38100</xdr:rowOff>
    </xdr:to>
    <xdr:sp macro="" textlink="">
      <xdr:nvSpPr>
        <xdr:cNvPr id="76" name="Text Box 22"/>
        <xdr:cNvSpPr txBox="1">
          <a:spLocks noChangeArrowheads="1"/>
        </xdr:cNvSpPr>
      </xdr:nvSpPr>
      <xdr:spPr bwMode="auto">
        <a:xfrm>
          <a:off x="3581400" y="197643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75</xdr:row>
      <xdr:rowOff>0</xdr:rowOff>
    </xdr:from>
    <xdr:to>
      <xdr:col>18</xdr:col>
      <xdr:colOff>57150</xdr:colOff>
      <xdr:row>175</xdr:row>
      <xdr:rowOff>38100</xdr:rowOff>
    </xdr:to>
    <xdr:sp macro="" textlink="">
      <xdr:nvSpPr>
        <xdr:cNvPr id="77" name="Text Box 22"/>
        <xdr:cNvSpPr txBox="1">
          <a:spLocks noChangeArrowheads="1"/>
        </xdr:cNvSpPr>
      </xdr:nvSpPr>
      <xdr:spPr bwMode="auto">
        <a:xfrm>
          <a:off x="22288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75</xdr:row>
      <xdr:rowOff>0</xdr:rowOff>
    </xdr:from>
    <xdr:to>
      <xdr:col>31</xdr:col>
      <xdr:colOff>57150</xdr:colOff>
      <xdr:row>175</xdr:row>
      <xdr:rowOff>38100</xdr:rowOff>
    </xdr:to>
    <xdr:sp macro="" textlink="">
      <xdr:nvSpPr>
        <xdr:cNvPr id="78" name="Text Box 22"/>
        <xdr:cNvSpPr txBox="1">
          <a:spLocks noChangeArrowheads="1"/>
        </xdr:cNvSpPr>
      </xdr:nvSpPr>
      <xdr:spPr bwMode="auto">
        <a:xfrm>
          <a:off x="38385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75</xdr:row>
      <xdr:rowOff>0</xdr:rowOff>
    </xdr:from>
    <xdr:to>
      <xdr:col>45</xdr:col>
      <xdr:colOff>57150</xdr:colOff>
      <xdr:row>175</xdr:row>
      <xdr:rowOff>38100</xdr:rowOff>
    </xdr:to>
    <xdr:sp macro="" textlink="">
      <xdr:nvSpPr>
        <xdr:cNvPr id="79" name="Text Box 22"/>
        <xdr:cNvSpPr txBox="1">
          <a:spLocks noChangeArrowheads="1"/>
        </xdr:cNvSpPr>
      </xdr:nvSpPr>
      <xdr:spPr bwMode="auto">
        <a:xfrm>
          <a:off x="55721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75</xdr:row>
      <xdr:rowOff>0</xdr:rowOff>
    </xdr:from>
    <xdr:to>
      <xdr:col>49</xdr:col>
      <xdr:colOff>57150</xdr:colOff>
      <xdr:row>175</xdr:row>
      <xdr:rowOff>38100</xdr:rowOff>
    </xdr:to>
    <xdr:sp macro="" textlink="">
      <xdr:nvSpPr>
        <xdr:cNvPr id="80" name="Text Box 22"/>
        <xdr:cNvSpPr txBox="1">
          <a:spLocks noChangeArrowheads="1"/>
        </xdr:cNvSpPr>
      </xdr:nvSpPr>
      <xdr:spPr bwMode="auto">
        <a:xfrm>
          <a:off x="60674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5</xdr:col>
      <xdr:colOff>0</xdr:colOff>
      <xdr:row>329</xdr:row>
      <xdr:rowOff>0</xdr:rowOff>
    </xdr:from>
    <xdr:ext cx="57150" cy="38100"/>
    <xdr:sp macro="" textlink="">
      <xdr:nvSpPr>
        <xdr:cNvPr id="81" name="Text Box 22"/>
        <xdr:cNvSpPr txBox="1">
          <a:spLocks noChangeArrowheads="1"/>
        </xdr:cNvSpPr>
      </xdr:nvSpPr>
      <xdr:spPr bwMode="auto">
        <a:xfrm>
          <a:off x="619125" y="317373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76</xdr:row>
      <xdr:rowOff>0</xdr:rowOff>
    </xdr:from>
    <xdr:ext cx="61912" cy="38100"/>
    <xdr:sp macro="" textlink="">
      <xdr:nvSpPr>
        <xdr:cNvPr id="82" name="Text Box 80"/>
        <xdr:cNvSpPr txBox="1">
          <a:spLocks noChangeArrowheads="1"/>
        </xdr:cNvSpPr>
      </xdr:nvSpPr>
      <xdr:spPr bwMode="auto">
        <a:xfrm>
          <a:off x="2714625" y="35814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83341</xdr:colOff>
      <xdr:row>111</xdr:row>
      <xdr:rowOff>238124</xdr:rowOff>
    </xdr:from>
    <xdr:to>
      <xdr:col>12</xdr:col>
      <xdr:colOff>71435</xdr:colOff>
      <xdr:row>113</xdr:row>
      <xdr:rowOff>11905</xdr:rowOff>
    </xdr:to>
    <xdr:sp macro="" textlink="">
      <xdr:nvSpPr>
        <xdr:cNvPr id="83" name="テキスト ボックス 82"/>
        <xdr:cNvSpPr txBox="1"/>
      </xdr:nvSpPr>
      <xdr:spPr>
        <a:xfrm>
          <a:off x="826291" y="7705724"/>
          <a:ext cx="731044" cy="26908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齢</a:t>
          </a:r>
        </a:p>
      </xdr:txBody>
    </xdr:sp>
    <xdr:clientData/>
  </xdr:twoCellAnchor>
  <xdr:twoCellAnchor>
    <xdr:from>
      <xdr:col>8</xdr:col>
      <xdr:colOff>11909</xdr:colOff>
      <xdr:row>111</xdr:row>
      <xdr:rowOff>0</xdr:rowOff>
    </xdr:from>
    <xdr:to>
      <xdr:col>15</xdr:col>
      <xdr:colOff>35722</xdr:colOff>
      <xdr:row>111</xdr:row>
      <xdr:rowOff>238119</xdr:rowOff>
    </xdr:to>
    <xdr:sp macro="" textlink="">
      <xdr:nvSpPr>
        <xdr:cNvPr id="84" name="テキスト ボックス 83"/>
        <xdr:cNvSpPr txBox="1"/>
      </xdr:nvSpPr>
      <xdr:spPr>
        <a:xfrm>
          <a:off x="964409" y="9596434"/>
          <a:ext cx="857251" cy="26193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明朝" panose="02020609040205080304" pitchFamily="17" charset="-128"/>
              <a:ea typeface="ＭＳ 明朝" panose="02020609040205080304" pitchFamily="17" charset="-128"/>
            </a:rPr>
            <a:t>利用形態</a:t>
          </a:r>
        </a:p>
      </xdr:txBody>
    </xdr:sp>
    <xdr:clientData/>
  </xdr:twoCellAnchor>
  <xdr:twoCellAnchor>
    <xdr:from>
      <xdr:col>13</xdr:col>
      <xdr:colOff>23812</xdr:colOff>
      <xdr:row>135</xdr:row>
      <xdr:rowOff>11907</xdr:rowOff>
    </xdr:from>
    <xdr:to>
      <xdr:col>19</xdr:col>
      <xdr:colOff>11906</xdr:colOff>
      <xdr:row>135</xdr:row>
      <xdr:rowOff>285751</xdr:rowOff>
    </xdr:to>
    <xdr:sp macro="" textlink="">
      <xdr:nvSpPr>
        <xdr:cNvPr id="85" name="テキスト ボックス 84"/>
        <xdr:cNvSpPr txBox="1"/>
      </xdr:nvSpPr>
      <xdr:spPr>
        <a:xfrm>
          <a:off x="1633537" y="12527757"/>
          <a:ext cx="731044"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3</xdr:col>
      <xdr:colOff>88105</xdr:colOff>
      <xdr:row>135</xdr:row>
      <xdr:rowOff>297655</xdr:rowOff>
    </xdr:from>
    <xdr:to>
      <xdr:col>17</xdr:col>
      <xdr:colOff>100011</xdr:colOff>
      <xdr:row>135</xdr:row>
      <xdr:rowOff>542925</xdr:rowOff>
    </xdr:to>
    <xdr:sp macro="" textlink="">
      <xdr:nvSpPr>
        <xdr:cNvPr id="86" name="テキスト ボックス 85"/>
        <xdr:cNvSpPr txBox="1"/>
      </xdr:nvSpPr>
      <xdr:spPr>
        <a:xfrm>
          <a:off x="459580" y="19919155"/>
          <a:ext cx="1745456" cy="24527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在 園 時 間</a:t>
          </a:r>
        </a:p>
      </xdr:txBody>
    </xdr:sp>
    <xdr:clientData/>
  </xdr:twoCellAnchor>
  <xdr:oneCellAnchor>
    <xdr:from>
      <xdr:col>45</xdr:col>
      <xdr:colOff>114300</xdr:colOff>
      <xdr:row>134</xdr:row>
      <xdr:rowOff>0</xdr:rowOff>
    </xdr:from>
    <xdr:ext cx="61912" cy="38100"/>
    <xdr:sp macro="" textlink="">
      <xdr:nvSpPr>
        <xdr:cNvPr id="87" name="Text Box 80"/>
        <xdr:cNvSpPr txBox="1">
          <a:spLocks noChangeArrowheads="1"/>
        </xdr:cNvSpPr>
      </xdr:nvSpPr>
      <xdr:spPr bwMode="auto">
        <a:xfrm>
          <a:off x="4943475" y="1221105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7</xdr:row>
      <xdr:rowOff>47625</xdr:rowOff>
    </xdr:from>
    <xdr:ext cx="61912" cy="38100"/>
    <xdr:sp macro="" textlink="">
      <xdr:nvSpPr>
        <xdr:cNvPr id="88" name="Text Box 80"/>
        <xdr:cNvSpPr txBox="1">
          <a:spLocks noChangeArrowheads="1"/>
        </xdr:cNvSpPr>
      </xdr:nvSpPr>
      <xdr:spPr bwMode="auto">
        <a:xfrm>
          <a:off x="6562725" y="2588895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75</xdr:row>
      <xdr:rowOff>0</xdr:rowOff>
    </xdr:from>
    <xdr:ext cx="42862" cy="28575"/>
    <xdr:sp macro="" textlink="">
      <xdr:nvSpPr>
        <xdr:cNvPr id="89" name="Text Box 23"/>
        <xdr:cNvSpPr txBox="1">
          <a:spLocks noChangeArrowheads="1"/>
        </xdr:cNvSpPr>
      </xdr:nvSpPr>
      <xdr:spPr bwMode="auto">
        <a:xfrm>
          <a:off x="5695950" y="197643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75</xdr:row>
      <xdr:rowOff>0</xdr:rowOff>
    </xdr:from>
    <xdr:ext cx="42863" cy="38100"/>
    <xdr:sp macro="" textlink="">
      <xdr:nvSpPr>
        <xdr:cNvPr id="90" name="Text Box 22"/>
        <xdr:cNvSpPr txBox="1">
          <a:spLocks noChangeArrowheads="1"/>
        </xdr:cNvSpPr>
      </xdr:nvSpPr>
      <xdr:spPr bwMode="auto">
        <a:xfrm>
          <a:off x="5686425"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75</xdr:row>
      <xdr:rowOff>0</xdr:rowOff>
    </xdr:from>
    <xdr:ext cx="42862" cy="28575"/>
    <xdr:sp macro="" textlink="">
      <xdr:nvSpPr>
        <xdr:cNvPr id="91" name="Text Box 23"/>
        <xdr:cNvSpPr txBox="1">
          <a:spLocks noChangeArrowheads="1"/>
        </xdr:cNvSpPr>
      </xdr:nvSpPr>
      <xdr:spPr bwMode="auto">
        <a:xfrm>
          <a:off x="5695950" y="197643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75</xdr:row>
      <xdr:rowOff>0</xdr:rowOff>
    </xdr:from>
    <xdr:ext cx="57150" cy="38100"/>
    <xdr:sp macro="" textlink="">
      <xdr:nvSpPr>
        <xdr:cNvPr id="92" name="Text Box 22"/>
        <xdr:cNvSpPr txBox="1">
          <a:spLocks noChangeArrowheads="1"/>
        </xdr:cNvSpPr>
      </xdr:nvSpPr>
      <xdr:spPr bwMode="auto">
        <a:xfrm>
          <a:off x="45815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75</xdr:row>
      <xdr:rowOff>0</xdr:rowOff>
    </xdr:from>
    <xdr:ext cx="57150" cy="38100"/>
    <xdr:sp macro="" textlink="">
      <xdr:nvSpPr>
        <xdr:cNvPr id="95" name="Text Box 22"/>
        <xdr:cNvSpPr txBox="1">
          <a:spLocks noChangeArrowheads="1"/>
        </xdr:cNvSpPr>
      </xdr:nvSpPr>
      <xdr:spPr bwMode="auto">
        <a:xfrm>
          <a:off x="742950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75</xdr:row>
      <xdr:rowOff>0</xdr:rowOff>
    </xdr:from>
    <xdr:ext cx="57150" cy="38100"/>
    <xdr:sp macro="" textlink="">
      <xdr:nvSpPr>
        <xdr:cNvPr id="96" name="Text Box 22"/>
        <xdr:cNvSpPr txBox="1">
          <a:spLocks noChangeArrowheads="1"/>
        </xdr:cNvSpPr>
      </xdr:nvSpPr>
      <xdr:spPr bwMode="auto">
        <a:xfrm>
          <a:off x="643890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75</xdr:row>
      <xdr:rowOff>0</xdr:rowOff>
    </xdr:from>
    <xdr:ext cx="57150" cy="38100"/>
    <xdr:sp macro="" textlink="">
      <xdr:nvSpPr>
        <xdr:cNvPr id="97" name="Text Box 22"/>
        <xdr:cNvSpPr txBox="1">
          <a:spLocks noChangeArrowheads="1"/>
        </xdr:cNvSpPr>
      </xdr:nvSpPr>
      <xdr:spPr bwMode="auto">
        <a:xfrm>
          <a:off x="32194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75</xdr:row>
      <xdr:rowOff>0</xdr:rowOff>
    </xdr:from>
    <xdr:ext cx="42863" cy="38100"/>
    <xdr:sp macro="" textlink="">
      <xdr:nvSpPr>
        <xdr:cNvPr id="98" name="Text Box 22"/>
        <xdr:cNvSpPr txBox="1">
          <a:spLocks noChangeArrowheads="1"/>
        </xdr:cNvSpPr>
      </xdr:nvSpPr>
      <xdr:spPr bwMode="auto">
        <a:xfrm>
          <a:off x="5562600"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75</xdr:row>
      <xdr:rowOff>0</xdr:rowOff>
    </xdr:from>
    <xdr:ext cx="57150" cy="38100"/>
    <xdr:sp macro="" textlink="">
      <xdr:nvSpPr>
        <xdr:cNvPr id="99" name="Text Box 22"/>
        <xdr:cNvSpPr txBox="1">
          <a:spLocks noChangeArrowheads="1"/>
        </xdr:cNvSpPr>
      </xdr:nvSpPr>
      <xdr:spPr bwMode="auto">
        <a:xfrm>
          <a:off x="42100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75</xdr:row>
      <xdr:rowOff>0</xdr:rowOff>
    </xdr:from>
    <xdr:ext cx="57150" cy="38100"/>
    <xdr:sp macro="" textlink="">
      <xdr:nvSpPr>
        <xdr:cNvPr id="100" name="Text Box 22"/>
        <xdr:cNvSpPr txBox="1">
          <a:spLocks noChangeArrowheads="1"/>
        </xdr:cNvSpPr>
      </xdr:nvSpPr>
      <xdr:spPr bwMode="auto">
        <a:xfrm>
          <a:off x="52006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75</xdr:row>
      <xdr:rowOff>0</xdr:rowOff>
    </xdr:from>
    <xdr:ext cx="42863" cy="47625"/>
    <xdr:sp macro="" textlink="">
      <xdr:nvSpPr>
        <xdr:cNvPr id="101" name="Text Box 80"/>
        <xdr:cNvSpPr txBox="1">
          <a:spLocks noChangeArrowheads="1"/>
        </xdr:cNvSpPr>
      </xdr:nvSpPr>
      <xdr:spPr bwMode="auto">
        <a:xfrm>
          <a:off x="5934075" y="198953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5</xdr:row>
      <xdr:rowOff>0</xdr:rowOff>
    </xdr:from>
    <xdr:ext cx="42863" cy="47625"/>
    <xdr:sp macro="" textlink="">
      <xdr:nvSpPr>
        <xdr:cNvPr id="102" name="Text Box 117"/>
        <xdr:cNvSpPr txBox="1">
          <a:spLocks noChangeArrowheads="1"/>
        </xdr:cNvSpPr>
      </xdr:nvSpPr>
      <xdr:spPr bwMode="auto">
        <a:xfrm>
          <a:off x="5810250" y="197643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5</xdr:row>
      <xdr:rowOff>0</xdr:rowOff>
    </xdr:from>
    <xdr:ext cx="57150" cy="38100"/>
    <xdr:sp macro="" textlink="">
      <xdr:nvSpPr>
        <xdr:cNvPr id="103" name="Text Box 22"/>
        <xdr:cNvSpPr txBox="1">
          <a:spLocks noChangeArrowheads="1"/>
        </xdr:cNvSpPr>
      </xdr:nvSpPr>
      <xdr:spPr bwMode="auto">
        <a:xfrm>
          <a:off x="58197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5</xdr:row>
      <xdr:rowOff>0</xdr:rowOff>
    </xdr:from>
    <xdr:ext cx="57150" cy="38100"/>
    <xdr:sp macro="" textlink="">
      <xdr:nvSpPr>
        <xdr:cNvPr id="104" name="Text Box 22"/>
        <xdr:cNvSpPr txBox="1">
          <a:spLocks noChangeArrowheads="1"/>
        </xdr:cNvSpPr>
      </xdr:nvSpPr>
      <xdr:spPr bwMode="auto">
        <a:xfrm>
          <a:off x="65627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5</xdr:row>
      <xdr:rowOff>0</xdr:rowOff>
    </xdr:from>
    <xdr:ext cx="57150" cy="38100"/>
    <xdr:sp macro="" textlink="">
      <xdr:nvSpPr>
        <xdr:cNvPr id="105" name="Text Box 22"/>
        <xdr:cNvSpPr txBox="1">
          <a:spLocks noChangeArrowheads="1"/>
        </xdr:cNvSpPr>
      </xdr:nvSpPr>
      <xdr:spPr bwMode="auto">
        <a:xfrm>
          <a:off x="61912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75</xdr:row>
      <xdr:rowOff>0</xdr:rowOff>
    </xdr:from>
    <xdr:ext cx="42863" cy="47625"/>
    <xdr:sp macro="" textlink="">
      <xdr:nvSpPr>
        <xdr:cNvPr id="106" name="Text Box 80"/>
        <xdr:cNvSpPr txBox="1">
          <a:spLocks noChangeArrowheads="1"/>
        </xdr:cNvSpPr>
      </xdr:nvSpPr>
      <xdr:spPr bwMode="auto">
        <a:xfrm>
          <a:off x="5934075" y="198953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5</xdr:row>
      <xdr:rowOff>0</xdr:rowOff>
    </xdr:from>
    <xdr:ext cx="42863" cy="47625"/>
    <xdr:sp macro="" textlink="">
      <xdr:nvSpPr>
        <xdr:cNvPr id="107" name="Text Box 117"/>
        <xdr:cNvSpPr txBox="1">
          <a:spLocks noChangeArrowheads="1"/>
        </xdr:cNvSpPr>
      </xdr:nvSpPr>
      <xdr:spPr bwMode="auto">
        <a:xfrm>
          <a:off x="5810250" y="197643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5</xdr:row>
      <xdr:rowOff>0</xdr:rowOff>
    </xdr:from>
    <xdr:ext cx="57150" cy="38100"/>
    <xdr:sp macro="" textlink="">
      <xdr:nvSpPr>
        <xdr:cNvPr id="108" name="Text Box 22"/>
        <xdr:cNvSpPr txBox="1">
          <a:spLocks noChangeArrowheads="1"/>
        </xdr:cNvSpPr>
      </xdr:nvSpPr>
      <xdr:spPr bwMode="auto">
        <a:xfrm>
          <a:off x="58197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5</xdr:row>
      <xdr:rowOff>0</xdr:rowOff>
    </xdr:from>
    <xdr:ext cx="57150" cy="38100"/>
    <xdr:sp macro="" textlink="">
      <xdr:nvSpPr>
        <xdr:cNvPr id="109" name="Text Box 22"/>
        <xdr:cNvSpPr txBox="1">
          <a:spLocks noChangeArrowheads="1"/>
        </xdr:cNvSpPr>
      </xdr:nvSpPr>
      <xdr:spPr bwMode="auto">
        <a:xfrm>
          <a:off x="65627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75</xdr:row>
      <xdr:rowOff>0</xdr:rowOff>
    </xdr:from>
    <xdr:ext cx="42863" cy="38100"/>
    <xdr:sp macro="" textlink="">
      <xdr:nvSpPr>
        <xdr:cNvPr id="110" name="Text Box 22"/>
        <xdr:cNvSpPr txBox="1">
          <a:spLocks noChangeArrowheads="1"/>
        </xdr:cNvSpPr>
      </xdr:nvSpPr>
      <xdr:spPr bwMode="auto">
        <a:xfrm>
          <a:off x="7543800"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5</xdr:row>
      <xdr:rowOff>0</xdr:rowOff>
    </xdr:from>
    <xdr:ext cx="57150" cy="38100"/>
    <xdr:sp macro="" textlink="">
      <xdr:nvSpPr>
        <xdr:cNvPr id="111" name="Text Box 22"/>
        <xdr:cNvSpPr txBox="1">
          <a:spLocks noChangeArrowheads="1"/>
        </xdr:cNvSpPr>
      </xdr:nvSpPr>
      <xdr:spPr bwMode="auto">
        <a:xfrm>
          <a:off x="61912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75</xdr:row>
      <xdr:rowOff>0</xdr:rowOff>
    </xdr:from>
    <xdr:ext cx="57150" cy="38100"/>
    <xdr:sp macro="" textlink="">
      <xdr:nvSpPr>
        <xdr:cNvPr id="112" name="Text Box 22"/>
        <xdr:cNvSpPr txBox="1">
          <a:spLocks noChangeArrowheads="1"/>
        </xdr:cNvSpPr>
      </xdr:nvSpPr>
      <xdr:spPr bwMode="auto">
        <a:xfrm>
          <a:off x="71818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328</xdr:row>
      <xdr:rowOff>0</xdr:rowOff>
    </xdr:from>
    <xdr:ext cx="42863" cy="47625"/>
    <xdr:sp macro="" textlink="">
      <xdr:nvSpPr>
        <xdr:cNvPr id="113" name="Text Box 80"/>
        <xdr:cNvSpPr txBox="1">
          <a:spLocks noChangeArrowheads="1"/>
        </xdr:cNvSpPr>
      </xdr:nvSpPr>
      <xdr:spPr bwMode="auto">
        <a:xfrm>
          <a:off x="39528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328</xdr:row>
      <xdr:rowOff>0</xdr:rowOff>
    </xdr:from>
    <xdr:ext cx="42863" cy="47625"/>
    <xdr:sp macro="" textlink="">
      <xdr:nvSpPr>
        <xdr:cNvPr id="114" name="Text Box 117"/>
        <xdr:cNvSpPr txBox="1">
          <a:spLocks noChangeArrowheads="1"/>
        </xdr:cNvSpPr>
      </xdr:nvSpPr>
      <xdr:spPr bwMode="auto">
        <a:xfrm>
          <a:off x="38290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328</xdr:row>
      <xdr:rowOff>0</xdr:rowOff>
    </xdr:from>
    <xdr:ext cx="33337" cy="47625"/>
    <xdr:sp macro="" textlink="">
      <xdr:nvSpPr>
        <xdr:cNvPr id="115" name="Text Box 118"/>
        <xdr:cNvSpPr txBox="1">
          <a:spLocks noChangeArrowheads="1"/>
        </xdr:cNvSpPr>
      </xdr:nvSpPr>
      <xdr:spPr bwMode="auto">
        <a:xfrm>
          <a:off x="3757612" y="245125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328</xdr:row>
      <xdr:rowOff>0</xdr:rowOff>
    </xdr:from>
    <xdr:ext cx="42863" cy="38100"/>
    <xdr:sp macro="" textlink="">
      <xdr:nvSpPr>
        <xdr:cNvPr id="116" name="Text Box 22"/>
        <xdr:cNvSpPr txBox="1">
          <a:spLocks noChangeArrowheads="1"/>
        </xdr:cNvSpPr>
      </xdr:nvSpPr>
      <xdr:spPr bwMode="auto">
        <a:xfrm>
          <a:off x="35814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328</xdr:row>
      <xdr:rowOff>0</xdr:rowOff>
    </xdr:from>
    <xdr:ext cx="57150" cy="38100"/>
    <xdr:sp macro="" textlink="">
      <xdr:nvSpPr>
        <xdr:cNvPr id="117" name="Text Box 22"/>
        <xdr:cNvSpPr txBox="1">
          <a:spLocks noChangeArrowheads="1"/>
        </xdr:cNvSpPr>
      </xdr:nvSpPr>
      <xdr:spPr bwMode="auto">
        <a:xfrm>
          <a:off x="22288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328</xdr:row>
      <xdr:rowOff>0</xdr:rowOff>
    </xdr:from>
    <xdr:ext cx="57150" cy="38100"/>
    <xdr:sp macro="" textlink="">
      <xdr:nvSpPr>
        <xdr:cNvPr id="118" name="Text Box 22"/>
        <xdr:cNvSpPr txBox="1">
          <a:spLocks noChangeArrowheads="1"/>
        </xdr:cNvSpPr>
      </xdr:nvSpPr>
      <xdr:spPr bwMode="auto">
        <a:xfrm>
          <a:off x="38385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328</xdr:row>
      <xdr:rowOff>0</xdr:rowOff>
    </xdr:from>
    <xdr:ext cx="57150" cy="38100"/>
    <xdr:sp macro="" textlink="">
      <xdr:nvSpPr>
        <xdr:cNvPr id="119" name="Text Box 22"/>
        <xdr:cNvSpPr txBox="1">
          <a:spLocks noChangeArrowheads="1"/>
        </xdr:cNvSpPr>
      </xdr:nvSpPr>
      <xdr:spPr bwMode="auto">
        <a:xfrm>
          <a:off x="55721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328</xdr:row>
      <xdr:rowOff>0</xdr:rowOff>
    </xdr:from>
    <xdr:ext cx="57150" cy="38100"/>
    <xdr:sp macro="" textlink="">
      <xdr:nvSpPr>
        <xdr:cNvPr id="120" name="Text Box 22"/>
        <xdr:cNvSpPr txBox="1">
          <a:spLocks noChangeArrowheads="1"/>
        </xdr:cNvSpPr>
      </xdr:nvSpPr>
      <xdr:spPr bwMode="auto">
        <a:xfrm>
          <a:off x="60674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328</xdr:row>
      <xdr:rowOff>0</xdr:rowOff>
    </xdr:from>
    <xdr:ext cx="61912" cy="38100"/>
    <xdr:sp macro="" textlink="">
      <xdr:nvSpPr>
        <xdr:cNvPr id="121" name="Text Box 80"/>
        <xdr:cNvSpPr txBox="1">
          <a:spLocks noChangeArrowheads="1"/>
        </xdr:cNvSpPr>
      </xdr:nvSpPr>
      <xdr:spPr bwMode="auto">
        <a:xfrm>
          <a:off x="5314950" y="224504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28</xdr:row>
      <xdr:rowOff>0</xdr:rowOff>
    </xdr:from>
    <xdr:ext cx="42862" cy="28575"/>
    <xdr:sp macro="" textlink="">
      <xdr:nvSpPr>
        <xdr:cNvPr id="122" name="Text Box 23"/>
        <xdr:cNvSpPr txBox="1">
          <a:spLocks noChangeArrowheads="1"/>
        </xdr:cNvSpPr>
      </xdr:nvSpPr>
      <xdr:spPr bwMode="auto">
        <a:xfrm>
          <a:off x="5695950" y="2374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328</xdr:row>
      <xdr:rowOff>0</xdr:rowOff>
    </xdr:from>
    <xdr:ext cx="42863" cy="38100"/>
    <xdr:sp macro="" textlink="">
      <xdr:nvSpPr>
        <xdr:cNvPr id="123" name="Text Box 22"/>
        <xdr:cNvSpPr txBox="1">
          <a:spLocks noChangeArrowheads="1"/>
        </xdr:cNvSpPr>
      </xdr:nvSpPr>
      <xdr:spPr bwMode="auto">
        <a:xfrm>
          <a:off x="5686425"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28</xdr:row>
      <xdr:rowOff>0</xdr:rowOff>
    </xdr:from>
    <xdr:ext cx="42862" cy="28575"/>
    <xdr:sp macro="" textlink="">
      <xdr:nvSpPr>
        <xdr:cNvPr id="124" name="Text Box 23"/>
        <xdr:cNvSpPr txBox="1">
          <a:spLocks noChangeArrowheads="1"/>
        </xdr:cNvSpPr>
      </xdr:nvSpPr>
      <xdr:spPr bwMode="auto">
        <a:xfrm>
          <a:off x="5695950" y="2374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328</xdr:row>
      <xdr:rowOff>0</xdr:rowOff>
    </xdr:from>
    <xdr:ext cx="57150" cy="38100"/>
    <xdr:sp macro="" textlink="">
      <xdr:nvSpPr>
        <xdr:cNvPr id="125" name="Text Box 22"/>
        <xdr:cNvSpPr txBox="1">
          <a:spLocks noChangeArrowheads="1"/>
        </xdr:cNvSpPr>
      </xdr:nvSpPr>
      <xdr:spPr bwMode="auto">
        <a:xfrm>
          <a:off x="45815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28</xdr:row>
      <xdr:rowOff>0</xdr:rowOff>
    </xdr:from>
    <xdr:ext cx="42863" cy="47625"/>
    <xdr:sp macro="" textlink="">
      <xdr:nvSpPr>
        <xdr:cNvPr id="126"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28</xdr:row>
      <xdr:rowOff>0</xdr:rowOff>
    </xdr:from>
    <xdr:ext cx="57150" cy="38100"/>
    <xdr:sp macro="" textlink="">
      <xdr:nvSpPr>
        <xdr:cNvPr id="127" name="Text Box 22"/>
        <xdr:cNvSpPr txBox="1">
          <a:spLocks noChangeArrowheads="1"/>
        </xdr:cNvSpPr>
      </xdr:nvSpPr>
      <xdr:spPr bwMode="auto">
        <a:xfrm>
          <a:off x="58197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328</xdr:row>
      <xdr:rowOff>0</xdr:rowOff>
    </xdr:from>
    <xdr:ext cx="57150" cy="38100"/>
    <xdr:sp macro="" textlink="">
      <xdr:nvSpPr>
        <xdr:cNvPr id="128" name="Text Box 22"/>
        <xdr:cNvSpPr txBox="1">
          <a:spLocks noChangeArrowheads="1"/>
        </xdr:cNvSpPr>
      </xdr:nvSpPr>
      <xdr:spPr bwMode="auto">
        <a:xfrm>
          <a:off x="742950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328</xdr:row>
      <xdr:rowOff>0</xdr:rowOff>
    </xdr:from>
    <xdr:ext cx="57150" cy="38100"/>
    <xdr:sp macro="" textlink="">
      <xdr:nvSpPr>
        <xdr:cNvPr id="129" name="Text Box 22"/>
        <xdr:cNvSpPr txBox="1">
          <a:spLocks noChangeArrowheads="1"/>
        </xdr:cNvSpPr>
      </xdr:nvSpPr>
      <xdr:spPr bwMode="auto">
        <a:xfrm>
          <a:off x="643890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328</xdr:row>
      <xdr:rowOff>0</xdr:rowOff>
    </xdr:from>
    <xdr:ext cx="57150" cy="38100"/>
    <xdr:sp macro="" textlink="">
      <xdr:nvSpPr>
        <xdr:cNvPr id="130" name="Text Box 22"/>
        <xdr:cNvSpPr txBox="1">
          <a:spLocks noChangeArrowheads="1"/>
        </xdr:cNvSpPr>
      </xdr:nvSpPr>
      <xdr:spPr bwMode="auto">
        <a:xfrm>
          <a:off x="32194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328</xdr:row>
      <xdr:rowOff>0</xdr:rowOff>
    </xdr:from>
    <xdr:ext cx="42863" cy="38100"/>
    <xdr:sp macro="" textlink="">
      <xdr:nvSpPr>
        <xdr:cNvPr id="131" name="Text Box 22"/>
        <xdr:cNvSpPr txBox="1">
          <a:spLocks noChangeArrowheads="1"/>
        </xdr:cNvSpPr>
      </xdr:nvSpPr>
      <xdr:spPr bwMode="auto">
        <a:xfrm>
          <a:off x="55626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328</xdr:row>
      <xdr:rowOff>0</xdr:rowOff>
    </xdr:from>
    <xdr:ext cx="57150" cy="38100"/>
    <xdr:sp macro="" textlink="">
      <xdr:nvSpPr>
        <xdr:cNvPr id="132" name="Text Box 22"/>
        <xdr:cNvSpPr txBox="1">
          <a:spLocks noChangeArrowheads="1"/>
        </xdr:cNvSpPr>
      </xdr:nvSpPr>
      <xdr:spPr bwMode="auto">
        <a:xfrm>
          <a:off x="42100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328</xdr:row>
      <xdr:rowOff>0</xdr:rowOff>
    </xdr:from>
    <xdr:ext cx="57150" cy="38100"/>
    <xdr:sp macro="" textlink="">
      <xdr:nvSpPr>
        <xdr:cNvPr id="133" name="Text Box 22"/>
        <xdr:cNvSpPr txBox="1">
          <a:spLocks noChangeArrowheads="1"/>
        </xdr:cNvSpPr>
      </xdr:nvSpPr>
      <xdr:spPr bwMode="auto">
        <a:xfrm>
          <a:off x="52006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28</xdr:row>
      <xdr:rowOff>0</xdr:rowOff>
    </xdr:from>
    <xdr:ext cx="42863" cy="47625"/>
    <xdr:sp macro="" textlink="">
      <xdr:nvSpPr>
        <xdr:cNvPr id="134"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28</xdr:row>
      <xdr:rowOff>0</xdr:rowOff>
    </xdr:from>
    <xdr:ext cx="42863" cy="47625"/>
    <xdr:sp macro="" textlink="">
      <xdr:nvSpPr>
        <xdr:cNvPr id="135" name="Text Box 117"/>
        <xdr:cNvSpPr txBox="1">
          <a:spLocks noChangeArrowheads="1"/>
        </xdr:cNvSpPr>
      </xdr:nvSpPr>
      <xdr:spPr bwMode="auto">
        <a:xfrm>
          <a:off x="58102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28</xdr:row>
      <xdr:rowOff>0</xdr:rowOff>
    </xdr:from>
    <xdr:ext cx="57150" cy="38100"/>
    <xdr:sp macro="" textlink="">
      <xdr:nvSpPr>
        <xdr:cNvPr id="136" name="Text Box 22"/>
        <xdr:cNvSpPr txBox="1">
          <a:spLocks noChangeArrowheads="1"/>
        </xdr:cNvSpPr>
      </xdr:nvSpPr>
      <xdr:spPr bwMode="auto">
        <a:xfrm>
          <a:off x="58197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28</xdr:row>
      <xdr:rowOff>0</xdr:rowOff>
    </xdr:from>
    <xdr:ext cx="57150" cy="38100"/>
    <xdr:sp macro="" textlink="">
      <xdr:nvSpPr>
        <xdr:cNvPr id="137" name="Text Box 22"/>
        <xdr:cNvSpPr txBox="1">
          <a:spLocks noChangeArrowheads="1"/>
        </xdr:cNvSpPr>
      </xdr:nvSpPr>
      <xdr:spPr bwMode="auto">
        <a:xfrm>
          <a:off x="65627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28</xdr:row>
      <xdr:rowOff>0</xdr:rowOff>
    </xdr:from>
    <xdr:ext cx="57150" cy="38100"/>
    <xdr:sp macro="" textlink="">
      <xdr:nvSpPr>
        <xdr:cNvPr id="138" name="Text Box 22"/>
        <xdr:cNvSpPr txBox="1">
          <a:spLocks noChangeArrowheads="1"/>
        </xdr:cNvSpPr>
      </xdr:nvSpPr>
      <xdr:spPr bwMode="auto">
        <a:xfrm>
          <a:off x="61912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28</xdr:row>
      <xdr:rowOff>0</xdr:rowOff>
    </xdr:from>
    <xdr:ext cx="42863" cy="47625"/>
    <xdr:sp macro="" textlink="">
      <xdr:nvSpPr>
        <xdr:cNvPr id="139"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28</xdr:row>
      <xdr:rowOff>0</xdr:rowOff>
    </xdr:from>
    <xdr:ext cx="42863" cy="47625"/>
    <xdr:sp macro="" textlink="">
      <xdr:nvSpPr>
        <xdr:cNvPr id="140" name="Text Box 117"/>
        <xdr:cNvSpPr txBox="1">
          <a:spLocks noChangeArrowheads="1"/>
        </xdr:cNvSpPr>
      </xdr:nvSpPr>
      <xdr:spPr bwMode="auto">
        <a:xfrm>
          <a:off x="58102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28</xdr:row>
      <xdr:rowOff>0</xdr:rowOff>
    </xdr:from>
    <xdr:ext cx="57150" cy="38100"/>
    <xdr:sp macro="" textlink="">
      <xdr:nvSpPr>
        <xdr:cNvPr id="142" name="Text Box 22"/>
        <xdr:cNvSpPr txBox="1">
          <a:spLocks noChangeArrowheads="1"/>
        </xdr:cNvSpPr>
      </xdr:nvSpPr>
      <xdr:spPr bwMode="auto">
        <a:xfrm>
          <a:off x="65627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328</xdr:row>
      <xdr:rowOff>0</xdr:rowOff>
    </xdr:from>
    <xdr:ext cx="42863" cy="38100"/>
    <xdr:sp macro="" textlink="">
      <xdr:nvSpPr>
        <xdr:cNvPr id="143" name="Text Box 22"/>
        <xdr:cNvSpPr txBox="1">
          <a:spLocks noChangeArrowheads="1"/>
        </xdr:cNvSpPr>
      </xdr:nvSpPr>
      <xdr:spPr bwMode="auto">
        <a:xfrm>
          <a:off x="75438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28</xdr:row>
      <xdr:rowOff>0</xdr:rowOff>
    </xdr:from>
    <xdr:ext cx="57150" cy="38100"/>
    <xdr:sp macro="" textlink="">
      <xdr:nvSpPr>
        <xdr:cNvPr id="144" name="Text Box 22"/>
        <xdr:cNvSpPr txBox="1">
          <a:spLocks noChangeArrowheads="1"/>
        </xdr:cNvSpPr>
      </xdr:nvSpPr>
      <xdr:spPr bwMode="auto">
        <a:xfrm>
          <a:off x="61912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328</xdr:row>
      <xdr:rowOff>0</xdr:rowOff>
    </xdr:from>
    <xdr:ext cx="57150" cy="38100"/>
    <xdr:sp macro="" textlink="">
      <xdr:nvSpPr>
        <xdr:cNvPr id="145" name="Text Box 22"/>
        <xdr:cNvSpPr txBox="1">
          <a:spLocks noChangeArrowheads="1"/>
        </xdr:cNvSpPr>
      </xdr:nvSpPr>
      <xdr:spPr bwMode="auto">
        <a:xfrm>
          <a:off x="71818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55</xdr:row>
      <xdr:rowOff>0</xdr:rowOff>
    </xdr:from>
    <xdr:ext cx="42863" cy="47625"/>
    <xdr:sp macro="" textlink="">
      <xdr:nvSpPr>
        <xdr:cNvPr id="146" name="Text Box 80"/>
        <xdr:cNvSpPr txBox="1">
          <a:spLocks noChangeArrowheads="1"/>
        </xdr:cNvSpPr>
      </xdr:nvSpPr>
      <xdr:spPr bwMode="auto">
        <a:xfrm>
          <a:off x="3805238" y="2215753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55</xdr:row>
      <xdr:rowOff>0</xdr:rowOff>
    </xdr:from>
    <xdr:ext cx="42863" cy="47625"/>
    <xdr:sp macro="" textlink="">
      <xdr:nvSpPr>
        <xdr:cNvPr id="147" name="Text Box 117"/>
        <xdr:cNvSpPr txBox="1">
          <a:spLocks noChangeArrowheads="1"/>
        </xdr:cNvSpPr>
      </xdr:nvSpPr>
      <xdr:spPr bwMode="auto">
        <a:xfrm>
          <a:off x="3686175" y="22026563"/>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55</xdr:row>
      <xdr:rowOff>0</xdr:rowOff>
    </xdr:from>
    <xdr:ext cx="42863" cy="38100"/>
    <xdr:sp macro="" textlink="">
      <xdr:nvSpPr>
        <xdr:cNvPr id="149" name="Text Box 22"/>
        <xdr:cNvSpPr txBox="1">
          <a:spLocks noChangeArrowheads="1"/>
        </xdr:cNvSpPr>
      </xdr:nvSpPr>
      <xdr:spPr bwMode="auto">
        <a:xfrm>
          <a:off x="3448050" y="22026563"/>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55</xdr:row>
      <xdr:rowOff>0</xdr:rowOff>
    </xdr:from>
    <xdr:ext cx="57150" cy="38100"/>
    <xdr:sp macro="" textlink="">
      <xdr:nvSpPr>
        <xdr:cNvPr id="150" name="Text Box 22"/>
        <xdr:cNvSpPr txBox="1">
          <a:spLocks noChangeArrowheads="1"/>
        </xdr:cNvSpPr>
      </xdr:nvSpPr>
      <xdr:spPr bwMode="auto">
        <a:xfrm>
          <a:off x="2143125"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55</xdr:row>
      <xdr:rowOff>0</xdr:rowOff>
    </xdr:from>
    <xdr:ext cx="57150" cy="38100"/>
    <xdr:sp macro="" textlink="">
      <xdr:nvSpPr>
        <xdr:cNvPr id="151" name="Text Box 22"/>
        <xdr:cNvSpPr txBox="1">
          <a:spLocks noChangeArrowheads="1"/>
        </xdr:cNvSpPr>
      </xdr:nvSpPr>
      <xdr:spPr bwMode="auto">
        <a:xfrm>
          <a:off x="3690938"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55</xdr:row>
      <xdr:rowOff>0</xdr:rowOff>
    </xdr:from>
    <xdr:ext cx="57150" cy="38100"/>
    <xdr:sp macro="" textlink="">
      <xdr:nvSpPr>
        <xdr:cNvPr id="152" name="Text Box 22"/>
        <xdr:cNvSpPr txBox="1">
          <a:spLocks noChangeArrowheads="1"/>
        </xdr:cNvSpPr>
      </xdr:nvSpPr>
      <xdr:spPr bwMode="auto">
        <a:xfrm>
          <a:off x="5357813"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55</xdr:row>
      <xdr:rowOff>0</xdr:rowOff>
    </xdr:from>
    <xdr:ext cx="57150" cy="38100"/>
    <xdr:sp macro="" textlink="">
      <xdr:nvSpPr>
        <xdr:cNvPr id="153" name="Text Box 22"/>
        <xdr:cNvSpPr txBox="1">
          <a:spLocks noChangeArrowheads="1"/>
        </xdr:cNvSpPr>
      </xdr:nvSpPr>
      <xdr:spPr bwMode="auto">
        <a:xfrm>
          <a:off x="5834063"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55</xdr:row>
      <xdr:rowOff>0</xdr:rowOff>
    </xdr:from>
    <xdr:ext cx="42862" cy="28575"/>
    <xdr:sp macro="" textlink="">
      <xdr:nvSpPr>
        <xdr:cNvPr id="155" name="Text Box 23"/>
        <xdr:cNvSpPr txBox="1">
          <a:spLocks noChangeArrowheads="1"/>
        </xdr:cNvSpPr>
      </xdr:nvSpPr>
      <xdr:spPr bwMode="auto">
        <a:xfrm>
          <a:off x="5476875" y="22026563"/>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55</xdr:row>
      <xdr:rowOff>0</xdr:rowOff>
    </xdr:from>
    <xdr:ext cx="42863" cy="38100"/>
    <xdr:sp macro="" textlink="">
      <xdr:nvSpPr>
        <xdr:cNvPr id="156" name="Text Box 22"/>
        <xdr:cNvSpPr txBox="1">
          <a:spLocks noChangeArrowheads="1"/>
        </xdr:cNvSpPr>
      </xdr:nvSpPr>
      <xdr:spPr bwMode="auto">
        <a:xfrm>
          <a:off x="5472113" y="22026563"/>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55</xdr:row>
      <xdr:rowOff>0</xdr:rowOff>
    </xdr:from>
    <xdr:ext cx="42862" cy="28575"/>
    <xdr:sp macro="" textlink="">
      <xdr:nvSpPr>
        <xdr:cNvPr id="157" name="Text Box 23"/>
        <xdr:cNvSpPr txBox="1">
          <a:spLocks noChangeArrowheads="1"/>
        </xdr:cNvSpPr>
      </xdr:nvSpPr>
      <xdr:spPr bwMode="auto">
        <a:xfrm>
          <a:off x="5476875" y="22026563"/>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55</xdr:row>
      <xdr:rowOff>0</xdr:rowOff>
    </xdr:from>
    <xdr:ext cx="57150" cy="38100"/>
    <xdr:sp macro="" textlink="">
      <xdr:nvSpPr>
        <xdr:cNvPr id="158" name="Text Box 22"/>
        <xdr:cNvSpPr txBox="1">
          <a:spLocks noChangeArrowheads="1"/>
        </xdr:cNvSpPr>
      </xdr:nvSpPr>
      <xdr:spPr bwMode="auto">
        <a:xfrm>
          <a:off x="4405313"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55</xdr:row>
      <xdr:rowOff>0</xdr:rowOff>
    </xdr:from>
    <xdr:ext cx="42863" cy="47625"/>
    <xdr:sp macro="" textlink="">
      <xdr:nvSpPr>
        <xdr:cNvPr id="159" name="Text Box 80"/>
        <xdr:cNvSpPr txBox="1">
          <a:spLocks noChangeArrowheads="1"/>
        </xdr:cNvSpPr>
      </xdr:nvSpPr>
      <xdr:spPr bwMode="auto">
        <a:xfrm>
          <a:off x="5710238" y="2215753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55</xdr:row>
      <xdr:rowOff>0</xdr:rowOff>
    </xdr:from>
    <xdr:ext cx="57150" cy="38100"/>
    <xdr:sp macro="" textlink="">
      <xdr:nvSpPr>
        <xdr:cNvPr id="160" name="Text Box 22"/>
        <xdr:cNvSpPr txBox="1">
          <a:spLocks noChangeArrowheads="1"/>
        </xdr:cNvSpPr>
      </xdr:nvSpPr>
      <xdr:spPr bwMode="auto">
        <a:xfrm>
          <a:off x="5595938"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55</xdr:row>
      <xdr:rowOff>0</xdr:rowOff>
    </xdr:from>
    <xdr:ext cx="57150" cy="38100"/>
    <xdr:sp macro="" textlink="">
      <xdr:nvSpPr>
        <xdr:cNvPr id="161" name="Text Box 22"/>
        <xdr:cNvSpPr txBox="1">
          <a:spLocks noChangeArrowheads="1"/>
        </xdr:cNvSpPr>
      </xdr:nvSpPr>
      <xdr:spPr bwMode="auto">
        <a:xfrm>
          <a:off x="7143750"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55</xdr:row>
      <xdr:rowOff>0</xdr:rowOff>
    </xdr:from>
    <xdr:ext cx="57150" cy="38100"/>
    <xdr:sp macro="" textlink="">
      <xdr:nvSpPr>
        <xdr:cNvPr id="162" name="Text Box 22"/>
        <xdr:cNvSpPr txBox="1">
          <a:spLocks noChangeArrowheads="1"/>
        </xdr:cNvSpPr>
      </xdr:nvSpPr>
      <xdr:spPr bwMode="auto">
        <a:xfrm>
          <a:off x="6191250"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55</xdr:row>
      <xdr:rowOff>0</xdr:rowOff>
    </xdr:from>
    <xdr:ext cx="57150" cy="38100"/>
    <xdr:sp macro="" textlink="">
      <xdr:nvSpPr>
        <xdr:cNvPr id="163" name="Text Box 22"/>
        <xdr:cNvSpPr txBox="1">
          <a:spLocks noChangeArrowheads="1"/>
        </xdr:cNvSpPr>
      </xdr:nvSpPr>
      <xdr:spPr bwMode="auto">
        <a:xfrm>
          <a:off x="3095625"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55</xdr:row>
      <xdr:rowOff>0</xdr:rowOff>
    </xdr:from>
    <xdr:ext cx="42863" cy="38100"/>
    <xdr:sp macro="" textlink="">
      <xdr:nvSpPr>
        <xdr:cNvPr id="164" name="Text Box 22"/>
        <xdr:cNvSpPr txBox="1">
          <a:spLocks noChangeArrowheads="1"/>
        </xdr:cNvSpPr>
      </xdr:nvSpPr>
      <xdr:spPr bwMode="auto">
        <a:xfrm>
          <a:off x="5353050" y="22026563"/>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55</xdr:row>
      <xdr:rowOff>0</xdr:rowOff>
    </xdr:from>
    <xdr:ext cx="57150" cy="38100"/>
    <xdr:sp macro="" textlink="">
      <xdr:nvSpPr>
        <xdr:cNvPr id="166" name="Text Box 22"/>
        <xdr:cNvSpPr txBox="1">
          <a:spLocks noChangeArrowheads="1"/>
        </xdr:cNvSpPr>
      </xdr:nvSpPr>
      <xdr:spPr bwMode="auto">
        <a:xfrm>
          <a:off x="5000625"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55</xdr:row>
      <xdr:rowOff>0</xdr:rowOff>
    </xdr:from>
    <xdr:ext cx="42863" cy="47625"/>
    <xdr:sp macro="" textlink="">
      <xdr:nvSpPr>
        <xdr:cNvPr id="167" name="Text Box 80"/>
        <xdr:cNvSpPr txBox="1">
          <a:spLocks noChangeArrowheads="1"/>
        </xdr:cNvSpPr>
      </xdr:nvSpPr>
      <xdr:spPr bwMode="auto">
        <a:xfrm>
          <a:off x="5710238" y="2215753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55</xdr:row>
      <xdr:rowOff>0</xdr:rowOff>
    </xdr:from>
    <xdr:ext cx="42863" cy="47625"/>
    <xdr:sp macro="" textlink="">
      <xdr:nvSpPr>
        <xdr:cNvPr id="168" name="Text Box 117"/>
        <xdr:cNvSpPr txBox="1">
          <a:spLocks noChangeArrowheads="1"/>
        </xdr:cNvSpPr>
      </xdr:nvSpPr>
      <xdr:spPr bwMode="auto">
        <a:xfrm>
          <a:off x="5591175" y="22026563"/>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55</xdr:row>
      <xdr:rowOff>0</xdr:rowOff>
    </xdr:from>
    <xdr:ext cx="57150" cy="38100"/>
    <xdr:sp macro="" textlink="">
      <xdr:nvSpPr>
        <xdr:cNvPr id="169" name="Text Box 22"/>
        <xdr:cNvSpPr txBox="1">
          <a:spLocks noChangeArrowheads="1"/>
        </xdr:cNvSpPr>
      </xdr:nvSpPr>
      <xdr:spPr bwMode="auto">
        <a:xfrm>
          <a:off x="5595938"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55</xdr:row>
      <xdr:rowOff>0</xdr:rowOff>
    </xdr:from>
    <xdr:ext cx="57150" cy="38100"/>
    <xdr:sp macro="" textlink="">
      <xdr:nvSpPr>
        <xdr:cNvPr id="170" name="Text Box 22"/>
        <xdr:cNvSpPr txBox="1">
          <a:spLocks noChangeArrowheads="1"/>
        </xdr:cNvSpPr>
      </xdr:nvSpPr>
      <xdr:spPr bwMode="auto">
        <a:xfrm>
          <a:off x="6310313"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55</xdr:row>
      <xdr:rowOff>0</xdr:rowOff>
    </xdr:from>
    <xdr:ext cx="57150" cy="38100"/>
    <xdr:sp macro="" textlink="">
      <xdr:nvSpPr>
        <xdr:cNvPr id="171" name="Text Box 22"/>
        <xdr:cNvSpPr txBox="1">
          <a:spLocks noChangeArrowheads="1"/>
        </xdr:cNvSpPr>
      </xdr:nvSpPr>
      <xdr:spPr bwMode="auto">
        <a:xfrm>
          <a:off x="5953125"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55</xdr:row>
      <xdr:rowOff>0</xdr:rowOff>
    </xdr:from>
    <xdr:ext cx="42863" cy="47625"/>
    <xdr:sp macro="" textlink="">
      <xdr:nvSpPr>
        <xdr:cNvPr id="172" name="Text Box 80"/>
        <xdr:cNvSpPr txBox="1">
          <a:spLocks noChangeArrowheads="1"/>
        </xdr:cNvSpPr>
      </xdr:nvSpPr>
      <xdr:spPr bwMode="auto">
        <a:xfrm>
          <a:off x="5710238" y="2215753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55</xdr:row>
      <xdr:rowOff>0</xdr:rowOff>
    </xdr:from>
    <xdr:ext cx="42863" cy="47625"/>
    <xdr:sp macro="" textlink="">
      <xdr:nvSpPr>
        <xdr:cNvPr id="173" name="Text Box 117"/>
        <xdr:cNvSpPr txBox="1">
          <a:spLocks noChangeArrowheads="1"/>
        </xdr:cNvSpPr>
      </xdr:nvSpPr>
      <xdr:spPr bwMode="auto">
        <a:xfrm>
          <a:off x="5591175" y="22026563"/>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55</xdr:row>
      <xdr:rowOff>0</xdr:rowOff>
    </xdr:from>
    <xdr:ext cx="57150" cy="38100"/>
    <xdr:sp macro="" textlink="">
      <xdr:nvSpPr>
        <xdr:cNvPr id="174" name="Text Box 22"/>
        <xdr:cNvSpPr txBox="1">
          <a:spLocks noChangeArrowheads="1"/>
        </xdr:cNvSpPr>
      </xdr:nvSpPr>
      <xdr:spPr bwMode="auto">
        <a:xfrm>
          <a:off x="5595938"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55</xdr:row>
      <xdr:rowOff>0</xdr:rowOff>
    </xdr:from>
    <xdr:ext cx="57150" cy="38100"/>
    <xdr:sp macro="" textlink="">
      <xdr:nvSpPr>
        <xdr:cNvPr id="175" name="Text Box 22"/>
        <xdr:cNvSpPr txBox="1">
          <a:spLocks noChangeArrowheads="1"/>
        </xdr:cNvSpPr>
      </xdr:nvSpPr>
      <xdr:spPr bwMode="auto">
        <a:xfrm>
          <a:off x="6310313"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55</xdr:row>
      <xdr:rowOff>0</xdr:rowOff>
    </xdr:from>
    <xdr:ext cx="42863" cy="38100"/>
    <xdr:sp macro="" textlink="">
      <xdr:nvSpPr>
        <xdr:cNvPr id="176" name="Text Box 22"/>
        <xdr:cNvSpPr txBox="1">
          <a:spLocks noChangeArrowheads="1"/>
        </xdr:cNvSpPr>
      </xdr:nvSpPr>
      <xdr:spPr bwMode="auto">
        <a:xfrm>
          <a:off x="7258050" y="22026563"/>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55</xdr:row>
      <xdr:rowOff>0</xdr:rowOff>
    </xdr:from>
    <xdr:ext cx="57150" cy="38100"/>
    <xdr:sp macro="" textlink="">
      <xdr:nvSpPr>
        <xdr:cNvPr id="177" name="Text Box 22"/>
        <xdr:cNvSpPr txBox="1">
          <a:spLocks noChangeArrowheads="1"/>
        </xdr:cNvSpPr>
      </xdr:nvSpPr>
      <xdr:spPr bwMode="auto">
        <a:xfrm>
          <a:off x="5953125"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55</xdr:row>
      <xdr:rowOff>0</xdr:rowOff>
    </xdr:from>
    <xdr:ext cx="57150" cy="38100"/>
    <xdr:sp macro="" textlink="">
      <xdr:nvSpPr>
        <xdr:cNvPr id="178" name="Text Box 22"/>
        <xdr:cNvSpPr txBox="1">
          <a:spLocks noChangeArrowheads="1"/>
        </xdr:cNvSpPr>
      </xdr:nvSpPr>
      <xdr:spPr bwMode="auto">
        <a:xfrm>
          <a:off x="6905625" y="22026563"/>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15</xdr:col>
      <xdr:colOff>114483</xdr:colOff>
      <xdr:row>180</xdr:row>
      <xdr:rowOff>121810</xdr:rowOff>
    </xdr:from>
    <xdr:to>
      <xdr:col>34</xdr:col>
      <xdr:colOff>78765</xdr:colOff>
      <xdr:row>180</xdr:row>
      <xdr:rowOff>121810</xdr:rowOff>
    </xdr:to>
    <xdr:cxnSp macro="">
      <xdr:nvCxnSpPr>
        <xdr:cNvPr id="181" name="直線矢印コネクタ 180"/>
        <xdr:cNvCxnSpPr/>
      </xdr:nvCxnSpPr>
      <xdr:spPr bwMode="auto">
        <a:xfrm>
          <a:off x="1982848" y="43248079"/>
          <a:ext cx="2330879" cy="0"/>
        </a:xfrm>
        <a:prstGeom prst="straightConnector1">
          <a:avLst/>
        </a:prstGeom>
        <a:solidFill>
          <a:srgbClr val="FFFFFF"/>
        </a:solidFill>
        <a:ln w="15875" cap="flat" cmpd="sng" algn="ctr">
          <a:solidFill>
            <a:srgbClr val="000000"/>
          </a:solidFill>
          <a:prstDash val="solid"/>
          <a:round/>
          <a:headEnd type="arrow" w="sm" len="med"/>
          <a:tailEnd type="arrow" w="sm" len="med"/>
        </a:ln>
        <a:effectLst/>
      </xdr:spPr>
    </xdr:cxnSp>
    <xdr:clientData/>
  </xdr:twoCellAnchor>
  <xdr:oneCellAnchor>
    <xdr:from>
      <xdr:col>21</xdr:col>
      <xdr:colOff>114300</xdr:colOff>
      <xdr:row>175</xdr:row>
      <xdr:rowOff>0</xdr:rowOff>
    </xdr:from>
    <xdr:ext cx="61912" cy="38100"/>
    <xdr:sp macro="" textlink="">
      <xdr:nvSpPr>
        <xdr:cNvPr id="182" name="Text Box 80"/>
        <xdr:cNvSpPr txBox="1">
          <a:spLocks noChangeArrowheads="1"/>
        </xdr:cNvSpPr>
      </xdr:nvSpPr>
      <xdr:spPr bwMode="auto">
        <a:xfrm>
          <a:off x="2614613" y="4345781"/>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37</xdr:row>
      <xdr:rowOff>0</xdr:rowOff>
    </xdr:from>
    <xdr:ext cx="61912" cy="38100"/>
    <xdr:sp macro="" textlink="">
      <xdr:nvSpPr>
        <xdr:cNvPr id="179" name="Text Box 80"/>
        <xdr:cNvSpPr txBox="1">
          <a:spLocks noChangeArrowheads="1"/>
        </xdr:cNvSpPr>
      </xdr:nvSpPr>
      <xdr:spPr bwMode="auto">
        <a:xfrm>
          <a:off x="5114925" y="26443781"/>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234</xdr:row>
      <xdr:rowOff>0</xdr:rowOff>
    </xdr:from>
    <xdr:ext cx="61912" cy="38100"/>
    <xdr:sp macro="" textlink="">
      <xdr:nvSpPr>
        <xdr:cNvPr id="184" name="Text Box 80"/>
        <xdr:cNvSpPr txBox="1">
          <a:spLocks noChangeArrowheads="1"/>
        </xdr:cNvSpPr>
      </xdr:nvSpPr>
      <xdr:spPr bwMode="auto">
        <a:xfrm>
          <a:off x="2614613" y="30360938"/>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235</xdr:row>
      <xdr:rowOff>0</xdr:rowOff>
    </xdr:from>
    <xdr:ext cx="61912" cy="38100"/>
    <xdr:sp macro="" textlink="">
      <xdr:nvSpPr>
        <xdr:cNvPr id="185" name="Text Box 80"/>
        <xdr:cNvSpPr txBox="1">
          <a:spLocks noChangeArrowheads="1"/>
        </xdr:cNvSpPr>
      </xdr:nvSpPr>
      <xdr:spPr bwMode="auto">
        <a:xfrm>
          <a:off x="357188" y="306705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234</xdr:row>
      <xdr:rowOff>0</xdr:rowOff>
    </xdr:from>
    <xdr:ext cx="61912" cy="38100"/>
    <xdr:sp macro="" textlink="">
      <xdr:nvSpPr>
        <xdr:cNvPr id="186" name="Text Box 80"/>
        <xdr:cNvSpPr txBox="1">
          <a:spLocks noChangeArrowheads="1"/>
        </xdr:cNvSpPr>
      </xdr:nvSpPr>
      <xdr:spPr bwMode="auto">
        <a:xfrm>
          <a:off x="2614613" y="30360938"/>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235</xdr:row>
      <xdr:rowOff>0</xdr:rowOff>
    </xdr:from>
    <xdr:ext cx="61912" cy="38100"/>
    <xdr:sp macro="" textlink="">
      <xdr:nvSpPr>
        <xdr:cNvPr id="187" name="Text Box 80"/>
        <xdr:cNvSpPr txBox="1">
          <a:spLocks noChangeArrowheads="1"/>
        </xdr:cNvSpPr>
      </xdr:nvSpPr>
      <xdr:spPr bwMode="auto">
        <a:xfrm>
          <a:off x="357188" y="306705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8</xdr:row>
      <xdr:rowOff>0</xdr:rowOff>
    </xdr:from>
    <xdr:ext cx="61912" cy="38100"/>
    <xdr:sp macro="" textlink="">
      <xdr:nvSpPr>
        <xdr:cNvPr id="188" name="Text Box 80"/>
        <xdr:cNvSpPr txBox="1">
          <a:spLocks noChangeArrowheads="1"/>
        </xdr:cNvSpPr>
      </xdr:nvSpPr>
      <xdr:spPr bwMode="auto">
        <a:xfrm>
          <a:off x="5472113" y="19252406"/>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37</xdr:row>
      <xdr:rowOff>0</xdr:rowOff>
    </xdr:from>
    <xdr:ext cx="61912" cy="38100"/>
    <xdr:sp macro="" textlink="">
      <xdr:nvSpPr>
        <xdr:cNvPr id="191" name="Text Box 80"/>
        <xdr:cNvSpPr txBox="1">
          <a:spLocks noChangeArrowheads="1"/>
        </xdr:cNvSpPr>
      </xdr:nvSpPr>
      <xdr:spPr bwMode="auto">
        <a:xfrm>
          <a:off x="5114925" y="26062781"/>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37</xdr:row>
      <xdr:rowOff>0</xdr:rowOff>
    </xdr:from>
    <xdr:ext cx="61912" cy="38100"/>
    <xdr:sp macro="" textlink="">
      <xdr:nvSpPr>
        <xdr:cNvPr id="192" name="Text Box 80"/>
        <xdr:cNvSpPr txBox="1">
          <a:spLocks noChangeArrowheads="1"/>
        </xdr:cNvSpPr>
      </xdr:nvSpPr>
      <xdr:spPr bwMode="auto">
        <a:xfrm>
          <a:off x="5472113" y="26062781"/>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313</xdr:row>
      <xdr:rowOff>0</xdr:rowOff>
    </xdr:from>
    <xdr:ext cx="42863" cy="47625"/>
    <xdr:sp macro="" textlink="">
      <xdr:nvSpPr>
        <xdr:cNvPr id="189" name="Text Box 80"/>
        <xdr:cNvSpPr txBox="1">
          <a:spLocks noChangeArrowheads="1"/>
        </xdr:cNvSpPr>
      </xdr:nvSpPr>
      <xdr:spPr bwMode="auto">
        <a:xfrm>
          <a:off x="3952875" y="461867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313</xdr:row>
      <xdr:rowOff>0</xdr:rowOff>
    </xdr:from>
    <xdr:ext cx="42863" cy="47625"/>
    <xdr:sp macro="" textlink="">
      <xdr:nvSpPr>
        <xdr:cNvPr id="190" name="Text Box 117"/>
        <xdr:cNvSpPr txBox="1">
          <a:spLocks noChangeArrowheads="1"/>
        </xdr:cNvSpPr>
      </xdr:nvSpPr>
      <xdr:spPr bwMode="auto">
        <a:xfrm>
          <a:off x="3829050" y="461867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313</xdr:row>
      <xdr:rowOff>0</xdr:rowOff>
    </xdr:from>
    <xdr:ext cx="42863" cy="38100"/>
    <xdr:sp macro="" textlink="">
      <xdr:nvSpPr>
        <xdr:cNvPr id="193" name="Text Box 22"/>
        <xdr:cNvSpPr txBox="1">
          <a:spLocks noChangeArrowheads="1"/>
        </xdr:cNvSpPr>
      </xdr:nvSpPr>
      <xdr:spPr bwMode="auto">
        <a:xfrm>
          <a:off x="3581400" y="461867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313</xdr:row>
      <xdr:rowOff>0</xdr:rowOff>
    </xdr:from>
    <xdr:ext cx="57150" cy="38100"/>
    <xdr:sp macro="" textlink="">
      <xdr:nvSpPr>
        <xdr:cNvPr id="194" name="Text Box 22"/>
        <xdr:cNvSpPr txBox="1">
          <a:spLocks noChangeArrowheads="1"/>
        </xdr:cNvSpPr>
      </xdr:nvSpPr>
      <xdr:spPr bwMode="auto">
        <a:xfrm>
          <a:off x="2228850"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313</xdr:row>
      <xdr:rowOff>0</xdr:rowOff>
    </xdr:from>
    <xdr:ext cx="57150" cy="38100"/>
    <xdr:sp macro="" textlink="">
      <xdr:nvSpPr>
        <xdr:cNvPr id="195" name="Text Box 22"/>
        <xdr:cNvSpPr txBox="1">
          <a:spLocks noChangeArrowheads="1"/>
        </xdr:cNvSpPr>
      </xdr:nvSpPr>
      <xdr:spPr bwMode="auto">
        <a:xfrm>
          <a:off x="3838575"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313</xdr:row>
      <xdr:rowOff>0</xdr:rowOff>
    </xdr:from>
    <xdr:ext cx="57150" cy="38100"/>
    <xdr:sp macro="" textlink="">
      <xdr:nvSpPr>
        <xdr:cNvPr id="196" name="Text Box 22"/>
        <xdr:cNvSpPr txBox="1">
          <a:spLocks noChangeArrowheads="1"/>
        </xdr:cNvSpPr>
      </xdr:nvSpPr>
      <xdr:spPr bwMode="auto">
        <a:xfrm>
          <a:off x="5572125"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313</xdr:row>
      <xdr:rowOff>0</xdr:rowOff>
    </xdr:from>
    <xdr:ext cx="57150" cy="38100"/>
    <xdr:sp macro="" textlink="">
      <xdr:nvSpPr>
        <xdr:cNvPr id="197" name="Text Box 22"/>
        <xdr:cNvSpPr txBox="1">
          <a:spLocks noChangeArrowheads="1"/>
        </xdr:cNvSpPr>
      </xdr:nvSpPr>
      <xdr:spPr bwMode="auto">
        <a:xfrm>
          <a:off x="6067425"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13</xdr:row>
      <xdr:rowOff>0</xdr:rowOff>
    </xdr:from>
    <xdr:ext cx="42862" cy="28575"/>
    <xdr:sp macro="" textlink="">
      <xdr:nvSpPr>
        <xdr:cNvPr id="198" name="Text Box 23"/>
        <xdr:cNvSpPr txBox="1">
          <a:spLocks noChangeArrowheads="1"/>
        </xdr:cNvSpPr>
      </xdr:nvSpPr>
      <xdr:spPr bwMode="auto">
        <a:xfrm>
          <a:off x="5695950" y="461867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313</xdr:row>
      <xdr:rowOff>0</xdr:rowOff>
    </xdr:from>
    <xdr:ext cx="42863" cy="38100"/>
    <xdr:sp macro="" textlink="">
      <xdr:nvSpPr>
        <xdr:cNvPr id="199" name="Text Box 22"/>
        <xdr:cNvSpPr txBox="1">
          <a:spLocks noChangeArrowheads="1"/>
        </xdr:cNvSpPr>
      </xdr:nvSpPr>
      <xdr:spPr bwMode="auto">
        <a:xfrm>
          <a:off x="5686425" y="461867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313</xdr:row>
      <xdr:rowOff>0</xdr:rowOff>
    </xdr:from>
    <xdr:ext cx="42862" cy="28575"/>
    <xdr:sp macro="" textlink="">
      <xdr:nvSpPr>
        <xdr:cNvPr id="200" name="Text Box 23"/>
        <xdr:cNvSpPr txBox="1">
          <a:spLocks noChangeArrowheads="1"/>
        </xdr:cNvSpPr>
      </xdr:nvSpPr>
      <xdr:spPr bwMode="auto">
        <a:xfrm>
          <a:off x="5695950" y="461867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313</xdr:row>
      <xdr:rowOff>0</xdr:rowOff>
    </xdr:from>
    <xdr:ext cx="57150" cy="38100"/>
    <xdr:sp macro="" textlink="">
      <xdr:nvSpPr>
        <xdr:cNvPr id="201" name="Text Box 22"/>
        <xdr:cNvSpPr txBox="1">
          <a:spLocks noChangeArrowheads="1"/>
        </xdr:cNvSpPr>
      </xdr:nvSpPr>
      <xdr:spPr bwMode="auto">
        <a:xfrm>
          <a:off x="4581525"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13</xdr:row>
      <xdr:rowOff>0</xdr:rowOff>
    </xdr:from>
    <xdr:ext cx="42863" cy="47625"/>
    <xdr:sp macro="" textlink="">
      <xdr:nvSpPr>
        <xdr:cNvPr id="202" name="Text Box 80"/>
        <xdr:cNvSpPr txBox="1">
          <a:spLocks noChangeArrowheads="1"/>
        </xdr:cNvSpPr>
      </xdr:nvSpPr>
      <xdr:spPr bwMode="auto">
        <a:xfrm>
          <a:off x="5934075" y="461867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13</xdr:row>
      <xdr:rowOff>0</xdr:rowOff>
    </xdr:from>
    <xdr:ext cx="57150" cy="38100"/>
    <xdr:sp macro="" textlink="">
      <xdr:nvSpPr>
        <xdr:cNvPr id="203" name="Text Box 22"/>
        <xdr:cNvSpPr txBox="1">
          <a:spLocks noChangeArrowheads="1"/>
        </xdr:cNvSpPr>
      </xdr:nvSpPr>
      <xdr:spPr bwMode="auto">
        <a:xfrm>
          <a:off x="5819775"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313</xdr:row>
      <xdr:rowOff>0</xdr:rowOff>
    </xdr:from>
    <xdr:ext cx="57150" cy="38100"/>
    <xdr:sp macro="" textlink="">
      <xdr:nvSpPr>
        <xdr:cNvPr id="204" name="Text Box 22"/>
        <xdr:cNvSpPr txBox="1">
          <a:spLocks noChangeArrowheads="1"/>
        </xdr:cNvSpPr>
      </xdr:nvSpPr>
      <xdr:spPr bwMode="auto">
        <a:xfrm>
          <a:off x="7429500"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313</xdr:row>
      <xdr:rowOff>0</xdr:rowOff>
    </xdr:from>
    <xdr:ext cx="57150" cy="38100"/>
    <xdr:sp macro="" textlink="">
      <xdr:nvSpPr>
        <xdr:cNvPr id="205" name="Text Box 22"/>
        <xdr:cNvSpPr txBox="1">
          <a:spLocks noChangeArrowheads="1"/>
        </xdr:cNvSpPr>
      </xdr:nvSpPr>
      <xdr:spPr bwMode="auto">
        <a:xfrm>
          <a:off x="6438900"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313</xdr:row>
      <xdr:rowOff>0</xdr:rowOff>
    </xdr:from>
    <xdr:ext cx="57150" cy="38100"/>
    <xdr:sp macro="" textlink="">
      <xdr:nvSpPr>
        <xdr:cNvPr id="206" name="Text Box 22"/>
        <xdr:cNvSpPr txBox="1">
          <a:spLocks noChangeArrowheads="1"/>
        </xdr:cNvSpPr>
      </xdr:nvSpPr>
      <xdr:spPr bwMode="auto">
        <a:xfrm>
          <a:off x="3219450"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313</xdr:row>
      <xdr:rowOff>0</xdr:rowOff>
    </xdr:from>
    <xdr:ext cx="42863" cy="38100"/>
    <xdr:sp macro="" textlink="">
      <xdr:nvSpPr>
        <xdr:cNvPr id="207" name="Text Box 22"/>
        <xdr:cNvSpPr txBox="1">
          <a:spLocks noChangeArrowheads="1"/>
        </xdr:cNvSpPr>
      </xdr:nvSpPr>
      <xdr:spPr bwMode="auto">
        <a:xfrm>
          <a:off x="5562600" y="461867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313</xdr:row>
      <xdr:rowOff>0</xdr:rowOff>
    </xdr:from>
    <xdr:ext cx="57150" cy="38100"/>
    <xdr:sp macro="" textlink="">
      <xdr:nvSpPr>
        <xdr:cNvPr id="208" name="Text Box 22"/>
        <xdr:cNvSpPr txBox="1">
          <a:spLocks noChangeArrowheads="1"/>
        </xdr:cNvSpPr>
      </xdr:nvSpPr>
      <xdr:spPr bwMode="auto">
        <a:xfrm>
          <a:off x="5200650"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13</xdr:row>
      <xdr:rowOff>0</xdr:rowOff>
    </xdr:from>
    <xdr:ext cx="42863" cy="47625"/>
    <xdr:sp macro="" textlink="">
      <xdr:nvSpPr>
        <xdr:cNvPr id="209" name="Text Box 80"/>
        <xdr:cNvSpPr txBox="1">
          <a:spLocks noChangeArrowheads="1"/>
        </xdr:cNvSpPr>
      </xdr:nvSpPr>
      <xdr:spPr bwMode="auto">
        <a:xfrm>
          <a:off x="5934075" y="461867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13</xdr:row>
      <xdr:rowOff>0</xdr:rowOff>
    </xdr:from>
    <xdr:ext cx="42863" cy="47625"/>
    <xdr:sp macro="" textlink="">
      <xdr:nvSpPr>
        <xdr:cNvPr id="210" name="Text Box 117"/>
        <xdr:cNvSpPr txBox="1">
          <a:spLocks noChangeArrowheads="1"/>
        </xdr:cNvSpPr>
      </xdr:nvSpPr>
      <xdr:spPr bwMode="auto">
        <a:xfrm>
          <a:off x="5810250" y="461867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13</xdr:row>
      <xdr:rowOff>0</xdr:rowOff>
    </xdr:from>
    <xdr:ext cx="57150" cy="38100"/>
    <xdr:sp macro="" textlink="">
      <xdr:nvSpPr>
        <xdr:cNvPr id="211" name="Text Box 22"/>
        <xdr:cNvSpPr txBox="1">
          <a:spLocks noChangeArrowheads="1"/>
        </xdr:cNvSpPr>
      </xdr:nvSpPr>
      <xdr:spPr bwMode="auto">
        <a:xfrm>
          <a:off x="5819775"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13</xdr:row>
      <xdr:rowOff>0</xdr:rowOff>
    </xdr:from>
    <xdr:ext cx="57150" cy="38100"/>
    <xdr:sp macro="" textlink="">
      <xdr:nvSpPr>
        <xdr:cNvPr id="212" name="Text Box 22"/>
        <xdr:cNvSpPr txBox="1">
          <a:spLocks noChangeArrowheads="1"/>
        </xdr:cNvSpPr>
      </xdr:nvSpPr>
      <xdr:spPr bwMode="auto">
        <a:xfrm>
          <a:off x="6562725"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13</xdr:row>
      <xdr:rowOff>0</xdr:rowOff>
    </xdr:from>
    <xdr:ext cx="57150" cy="38100"/>
    <xdr:sp macro="" textlink="">
      <xdr:nvSpPr>
        <xdr:cNvPr id="213" name="Text Box 22"/>
        <xdr:cNvSpPr txBox="1">
          <a:spLocks noChangeArrowheads="1"/>
        </xdr:cNvSpPr>
      </xdr:nvSpPr>
      <xdr:spPr bwMode="auto">
        <a:xfrm>
          <a:off x="6191250"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313</xdr:row>
      <xdr:rowOff>0</xdr:rowOff>
    </xdr:from>
    <xdr:ext cx="42863" cy="47625"/>
    <xdr:sp macro="" textlink="">
      <xdr:nvSpPr>
        <xdr:cNvPr id="214" name="Text Box 80"/>
        <xdr:cNvSpPr txBox="1">
          <a:spLocks noChangeArrowheads="1"/>
        </xdr:cNvSpPr>
      </xdr:nvSpPr>
      <xdr:spPr bwMode="auto">
        <a:xfrm>
          <a:off x="5934075" y="461867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313</xdr:row>
      <xdr:rowOff>0</xdr:rowOff>
    </xdr:from>
    <xdr:ext cx="42863" cy="47625"/>
    <xdr:sp macro="" textlink="">
      <xdr:nvSpPr>
        <xdr:cNvPr id="215" name="Text Box 117"/>
        <xdr:cNvSpPr txBox="1">
          <a:spLocks noChangeArrowheads="1"/>
        </xdr:cNvSpPr>
      </xdr:nvSpPr>
      <xdr:spPr bwMode="auto">
        <a:xfrm>
          <a:off x="5810250" y="461867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313</xdr:row>
      <xdr:rowOff>0</xdr:rowOff>
    </xdr:from>
    <xdr:ext cx="57150" cy="38100"/>
    <xdr:sp macro="" textlink="">
      <xdr:nvSpPr>
        <xdr:cNvPr id="216" name="Text Box 22"/>
        <xdr:cNvSpPr txBox="1">
          <a:spLocks noChangeArrowheads="1"/>
        </xdr:cNvSpPr>
      </xdr:nvSpPr>
      <xdr:spPr bwMode="auto">
        <a:xfrm>
          <a:off x="5819775"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313</xdr:row>
      <xdr:rowOff>0</xdr:rowOff>
    </xdr:from>
    <xdr:ext cx="57150" cy="38100"/>
    <xdr:sp macro="" textlink="">
      <xdr:nvSpPr>
        <xdr:cNvPr id="217" name="Text Box 22"/>
        <xdr:cNvSpPr txBox="1">
          <a:spLocks noChangeArrowheads="1"/>
        </xdr:cNvSpPr>
      </xdr:nvSpPr>
      <xdr:spPr bwMode="auto">
        <a:xfrm>
          <a:off x="6562725"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313</xdr:row>
      <xdr:rowOff>0</xdr:rowOff>
    </xdr:from>
    <xdr:ext cx="42863" cy="38100"/>
    <xdr:sp macro="" textlink="">
      <xdr:nvSpPr>
        <xdr:cNvPr id="218" name="Text Box 22"/>
        <xdr:cNvSpPr txBox="1">
          <a:spLocks noChangeArrowheads="1"/>
        </xdr:cNvSpPr>
      </xdr:nvSpPr>
      <xdr:spPr bwMode="auto">
        <a:xfrm>
          <a:off x="7543800" y="461867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313</xdr:row>
      <xdr:rowOff>0</xdr:rowOff>
    </xdr:from>
    <xdr:ext cx="57150" cy="38100"/>
    <xdr:sp macro="" textlink="">
      <xdr:nvSpPr>
        <xdr:cNvPr id="219" name="Text Box 22"/>
        <xdr:cNvSpPr txBox="1">
          <a:spLocks noChangeArrowheads="1"/>
        </xdr:cNvSpPr>
      </xdr:nvSpPr>
      <xdr:spPr bwMode="auto">
        <a:xfrm>
          <a:off x="6191250"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313</xdr:row>
      <xdr:rowOff>0</xdr:rowOff>
    </xdr:from>
    <xdr:ext cx="57150" cy="38100"/>
    <xdr:sp macro="" textlink="">
      <xdr:nvSpPr>
        <xdr:cNvPr id="220" name="Text Box 22"/>
        <xdr:cNvSpPr txBox="1">
          <a:spLocks noChangeArrowheads="1"/>
        </xdr:cNvSpPr>
      </xdr:nvSpPr>
      <xdr:spPr bwMode="auto">
        <a:xfrm>
          <a:off x="7181850" y="461867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0</xdr:col>
      <xdr:colOff>114300</xdr:colOff>
      <xdr:row>163</xdr:row>
      <xdr:rowOff>0</xdr:rowOff>
    </xdr:from>
    <xdr:to>
      <xdr:col>31</xdr:col>
      <xdr:colOff>38100</xdr:colOff>
      <xdr:row>163</xdr:row>
      <xdr:rowOff>47625</xdr:rowOff>
    </xdr:to>
    <xdr:sp macro="" textlink="">
      <xdr:nvSpPr>
        <xdr:cNvPr id="222" name="Text Box 117"/>
        <xdr:cNvSpPr txBox="1">
          <a:spLocks noChangeArrowheads="1"/>
        </xdr:cNvSpPr>
      </xdr:nvSpPr>
      <xdr:spPr bwMode="auto">
        <a:xfrm>
          <a:off x="3829050" y="263937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67</xdr:row>
      <xdr:rowOff>23813</xdr:rowOff>
    </xdr:from>
    <xdr:to>
      <xdr:col>30</xdr:col>
      <xdr:colOff>76199</xdr:colOff>
      <xdr:row>167</xdr:row>
      <xdr:rowOff>71438</xdr:rowOff>
    </xdr:to>
    <xdr:sp macro="" textlink="">
      <xdr:nvSpPr>
        <xdr:cNvPr id="223" name="Text Box 118"/>
        <xdr:cNvSpPr txBox="1">
          <a:spLocks noChangeArrowheads="1"/>
        </xdr:cNvSpPr>
      </xdr:nvSpPr>
      <xdr:spPr bwMode="auto">
        <a:xfrm>
          <a:off x="3757612" y="274081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63</xdr:row>
      <xdr:rowOff>0</xdr:rowOff>
    </xdr:from>
    <xdr:to>
      <xdr:col>29</xdr:col>
      <xdr:colOff>38100</xdr:colOff>
      <xdr:row>163</xdr:row>
      <xdr:rowOff>38100</xdr:rowOff>
    </xdr:to>
    <xdr:sp macro="" textlink="">
      <xdr:nvSpPr>
        <xdr:cNvPr id="224" name="Text Box 22"/>
        <xdr:cNvSpPr txBox="1">
          <a:spLocks noChangeArrowheads="1"/>
        </xdr:cNvSpPr>
      </xdr:nvSpPr>
      <xdr:spPr bwMode="auto">
        <a:xfrm>
          <a:off x="3581400" y="263937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63</xdr:row>
      <xdr:rowOff>0</xdr:rowOff>
    </xdr:from>
    <xdr:to>
      <xdr:col>31</xdr:col>
      <xdr:colOff>57150</xdr:colOff>
      <xdr:row>163</xdr:row>
      <xdr:rowOff>38100</xdr:rowOff>
    </xdr:to>
    <xdr:sp macro="" textlink="">
      <xdr:nvSpPr>
        <xdr:cNvPr id="226" name="Text Box 22"/>
        <xdr:cNvSpPr txBox="1">
          <a:spLocks noChangeArrowheads="1"/>
        </xdr:cNvSpPr>
      </xdr:nvSpPr>
      <xdr:spPr bwMode="auto">
        <a:xfrm>
          <a:off x="38385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63</xdr:row>
      <xdr:rowOff>0</xdr:rowOff>
    </xdr:from>
    <xdr:to>
      <xdr:col>45</xdr:col>
      <xdr:colOff>57150</xdr:colOff>
      <xdr:row>163</xdr:row>
      <xdr:rowOff>38100</xdr:rowOff>
    </xdr:to>
    <xdr:sp macro="" textlink="">
      <xdr:nvSpPr>
        <xdr:cNvPr id="227" name="Text Box 22"/>
        <xdr:cNvSpPr txBox="1">
          <a:spLocks noChangeArrowheads="1"/>
        </xdr:cNvSpPr>
      </xdr:nvSpPr>
      <xdr:spPr bwMode="auto">
        <a:xfrm>
          <a:off x="55721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63</xdr:row>
      <xdr:rowOff>0</xdr:rowOff>
    </xdr:from>
    <xdr:to>
      <xdr:col>49</xdr:col>
      <xdr:colOff>57150</xdr:colOff>
      <xdr:row>163</xdr:row>
      <xdr:rowOff>38100</xdr:rowOff>
    </xdr:to>
    <xdr:sp macro="" textlink="">
      <xdr:nvSpPr>
        <xdr:cNvPr id="228" name="Text Box 22"/>
        <xdr:cNvSpPr txBox="1">
          <a:spLocks noChangeArrowheads="1"/>
        </xdr:cNvSpPr>
      </xdr:nvSpPr>
      <xdr:spPr bwMode="auto">
        <a:xfrm>
          <a:off x="60674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63</xdr:row>
      <xdr:rowOff>0</xdr:rowOff>
    </xdr:from>
    <xdr:ext cx="42862" cy="28575"/>
    <xdr:sp macro="" textlink="">
      <xdr:nvSpPr>
        <xdr:cNvPr id="229" name="Text Box 23"/>
        <xdr:cNvSpPr txBox="1">
          <a:spLocks noChangeArrowheads="1"/>
        </xdr:cNvSpPr>
      </xdr:nvSpPr>
      <xdr:spPr bwMode="auto">
        <a:xfrm>
          <a:off x="5695950" y="263937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63</xdr:row>
      <xdr:rowOff>0</xdr:rowOff>
    </xdr:from>
    <xdr:ext cx="42863" cy="38100"/>
    <xdr:sp macro="" textlink="">
      <xdr:nvSpPr>
        <xdr:cNvPr id="230" name="Text Box 22"/>
        <xdr:cNvSpPr txBox="1">
          <a:spLocks noChangeArrowheads="1"/>
        </xdr:cNvSpPr>
      </xdr:nvSpPr>
      <xdr:spPr bwMode="auto">
        <a:xfrm>
          <a:off x="5686425"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3</xdr:row>
      <xdr:rowOff>0</xdr:rowOff>
    </xdr:from>
    <xdr:ext cx="42862" cy="28575"/>
    <xdr:sp macro="" textlink="">
      <xdr:nvSpPr>
        <xdr:cNvPr id="231" name="Text Box 23"/>
        <xdr:cNvSpPr txBox="1">
          <a:spLocks noChangeArrowheads="1"/>
        </xdr:cNvSpPr>
      </xdr:nvSpPr>
      <xdr:spPr bwMode="auto">
        <a:xfrm>
          <a:off x="5695950" y="263937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63</xdr:row>
      <xdr:rowOff>0</xdr:rowOff>
    </xdr:from>
    <xdr:ext cx="57150" cy="38100"/>
    <xdr:sp macro="" textlink="">
      <xdr:nvSpPr>
        <xdr:cNvPr id="232" name="Text Box 22"/>
        <xdr:cNvSpPr txBox="1">
          <a:spLocks noChangeArrowheads="1"/>
        </xdr:cNvSpPr>
      </xdr:nvSpPr>
      <xdr:spPr bwMode="auto">
        <a:xfrm>
          <a:off x="45815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3</xdr:row>
      <xdr:rowOff>0</xdr:rowOff>
    </xdr:from>
    <xdr:ext cx="57150" cy="38100"/>
    <xdr:sp macro="" textlink="">
      <xdr:nvSpPr>
        <xdr:cNvPr id="233"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63</xdr:row>
      <xdr:rowOff>0</xdr:rowOff>
    </xdr:from>
    <xdr:ext cx="57150" cy="38100"/>
    <xdr:sp macro="" textlink="">
      <xdr:nvSpPr>
        <xdr:cNvPr id="234" name="Text Box 22"/>
        <xdr:cNvSpPr txBox="1">
          <a:spLocks noChangeArrowheads="1"/>
        </xdr:cNvSpPr>
      </xdr:nvSpPr>
      <xdr:spPr bwMode="auto">
        <a:xfrm>
          <a:off x="742950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63</xdr:row>
      <xdr:rowOff>0</xdr:rowOff>
    </xdr:from>
    <xdr:ext cx="57150" cy="38100"/>
    <xdr:sp macro="" textlink="">
      <xdr:nvSpPr>
        <xdr:cNvPr id="235" name="Text Box 22"/>
        <xdr:cNvSpPr txBox="1">
          <a:spLocks noChangeArrowheads="1"/>
        </xdr:cNvSpPr>
      </xdr:nvSpPr>
      <xdr:spPr bwMode="auto">
        <a:xfrm>
          <a:off x="643890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63</xdr:row>
      <xdr:rowOff>0</xdr:rowOff>
    </xdr:from>
    <xdr:ext cx="42863" cy="38100"/>
    <xdr:sp macro="" textlink="">
      <xdr:nvSpPr>
        <xdr:cNvPr id="237" name="Text Box 22"/>
        <xdr:cNvSpPr txBox="1">
          <a:spLocks noChangeArrowheads="1"/>
        </xdr:cNvSpPr>
      </xdr:nvSpPr>
      <xdr:spPr bwMode="auto">
        <a:xfrm>
          <a:off x="5562600"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3</xdr:row>
      <xdr:rowOff>0</xdr:rowOff>
    </xdr:from>
    <xdr:ext cx="42863" cy="47625"/>
    <xdr:sp macro="" textlink="">
      <xdr:nvSpPr>
        <xdr:cNvPr id="241" name="Text Box 117"/>
        <xdr:cNvSpPr txBox="1">
          <a:spLocks noChangeArrowheads="1"/>
        </xdr:cNvSpPr>
      </xdr:nvSpPr>
      <xdr:spPr bwMode="auto">
        <a:xfrm>
          <a:off x="5810250" y="263937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3</xdr:row>
      <xdr:rowOff>0</xdr:rowOff>
    </xdr:from>
    <xdr:ext cx="57150" cy="38100"/>
    <xdr:sp macro="" textlink="">
      <xdr:nvSpPr>
        <xdr:cNvPr id="242"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3</xdr:row>
      <xdr:rowOff>0</xdr:rowOff>
    </xdr:from>
    <xdr:ext cx="57150" cy="38100"/>
    <xdr:sp macro="" textlink="">
      <xdr:nvSpPr>
        <xdr:cNvPr id="243" name="Text Box 22"/>
        <xdr:cNvSpPr txBox="1">
          <a:spLocks noChangeArrowheads="1"/>
        </xdr:cNvSpPr>
      </xdr:nvSpPr>
      <xdr:spPr bwMode="auto">
        <a:xfrm>
          <a:off x="65627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3</xdr:row>
      <xdr:rowOff>0</xdr:rowOff>
    </xdr:from>
    <xdr:ext cx="57150" cy="38100"/>
    <xdr:sp macro="" textlink="">
      <xdr:nvSpPr>
        <xdr:cNvPr id="244" name="Text Box 22"/>
        <xdr:cNvSpPr txBox="1">
          <a:spLocks noChangeArrowheads="1"/>
        </xdr:cNvSpPr>
      </xdr:nvSpPr>
      <xdr:spPr bwMode="auto">
        <a:xfrm>
          <a:off x="61912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3</xdr:row>
      <xdr:rowOff>0</xdr:rowOff>
    </xdr:from>
    <xdr:ext cx="42863" cy="47625"/>
    <xdr:sp macro="" textlink="">
      <xdr:nvSpPr>
        <xdr:cNvPr id="246" name="Text Box 117"/>
        <xdr:cNvSpPr txBox="1">
          <a:spLocks noChangeArrowheads="1"/>
        </xdr:cNvSpPr>
      </xdr:nvSpPr>
      <xdr:spPr bwMode="auto">
        <a:xfrm>
          <a:off x="5810250" y="263937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3</xdr:row>
      <xdr:rowOff>0</xdr:rowOff>
    </xdr:from>
    <xdr:ext cx="57150" cy="38100"/>
    <xdr:sp macro="" textlink="">
      <xdr:nvSpPr>
        <xdr:cNvPr id="247"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3</xdr:row>
      <xdr:rowOff>0</xdr:rowOff>
    </xdr:from>
    <xdr:ext cx="57150" cy="38100"/>
    <xdr:sp macro="" textlink="">
      <xdr:nvSpPr>
        <xdr:cNvPr id="248" name="Text Box 22"/>
        <xdr:cNvSpPr txBox="1">
          <a:spLocks noChangeArrowheads="1"/>
        </xdr:cNvSpPr>
      </xdr:nvSpPr>
      <xdr:spPr bwMode="auto">
        <a:xfrm>
          <a:off x="65627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63</xdr:row>
      <xdr:rowOff>0</xdr:rowOff>
    </xdr:from>
    <xdr:ext cx="42863" cy="38100"/>
    <xdr:sp macro="" textlink="">
      <xdr:nvSpPr>
        <xdr:cNvPr id="249" name="Text Box 22"/>
        <xdr:cNvSpPr txBox="1">
          <a:spLocks noChangeArrowheads="1"/>
        </xdr:cNvSpPr>
      </xdr:nvSpPr>
      <xdr:spPr bwMode="auto">
        <a:xfrm>
          <a:off x="7543800"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3</xdr:row>
      <xdr:rowOff>0</xdr:rowOff>
    </xdr:from>
    <xdr:ext cx="57150" cy="38100"/>
    <xdr:sp macro="" textlink="">
      <xdr:nvSpPr>
        <xdr:cNvPr id="250" name="Text Box 22"/>
        <xdr:cNvSpPr txBox="1">
          <a:spLocks noChangeArrowheads="1"/>
        </xdr:cNvSpPr>
      </xdr:nvSpPr>
      <xdr:spPr bwMode="auto">
        <a:xfrm>
          <a:off x="61912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63</xdr:row>
      <xdr:rowOff>0</xdr:rowOff>
    </xdr:from>
    <xdr:ext cx="57150" cy="38100"/>
    <xdr:sp macro="" textlink="">
      <xdr:nvSpPr>
        <xdr:cNvPr id="251" name="Text Box 22"/>
        <xdr:cNvSpPr txBox="1">
          <a:spLocks noChangeArrowheads="1"/>
        </xdr:cNvSpPr>
      </xdr:nvSpPr>
      <xdr:spPr bwMode="auto">
        <a:xfrm>
          <a:off x="71818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42</xdr:row>
      <xdr:rowOff>130969</xdr:rowOff>
    </xdr:from>
    <xdr:ext cx="47626" cy="47625"/>
    <xdr:sp macro="" textlink="">
      <xdr:nvSpPr>
        <xdr:cNvPr id="253" name="Text Box 80"/>
        <xdr:cNvSpPr txBox="1">
          <a:spLocks noChangeArrowheads="1"/>
        </xdr:cNvSpPr>
      </xdr:nvSpPr>
      <xdr:spPr bwMode="auto">
        <a:xfrm>
          <a:off x="3952875" y="2682001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42</xdr:row>
      <xdr:rowOff>0</xdr:rowOff>
    </xdr:from>
    <xdr:ext cx="47625" cy="47625"/>
    <xdr:sp macro="" textlink="">
      <xdr:nvSpPr>
        <xdr:cNvPr id="254" name="Text Box 117"/>
        <xdr:cNvSpPr txBox="1">
          <a:spLocks noChangeArrowheads="1"/>
        </xdr:cNvSpPr>
      </xdr:nvSpPr>
      <xdr:spPr bwMode="auto">
        <a:xfrm>
          <a:off x="3829050" y="2668905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46</xdr:row>
      <xdr:rowOff>23813</xdr:rowOff>
    </xdr:from>
    <xdr:ext cx="33337" cy="47625"/>
    <xdr:sp macro="" textlink="">
      <xdr:nvSpPr>
        <xdr:cNvPr id="255" name="Text Box 118"/>
        <xdr:cNvSpPr txBox="1">
          <a:spLocks noChangeArrowheads="1"/>
        </xdr:cNvSpPr>
      </xdr:nvSpPr>
      <xdr:spPr bwMode="auto">
        <a:xfrm>
          <a:off x="3757612" y="2770346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42</xdr:row>
      <xdr:rowOff>0</xdr:rowOff>
    </xdr:from>
    <xdr:ext cx="47625" cy="38100"/>
    <xdr:sp macro="" textlink="">
      <xdr:nvSpPr>
        <xdr:cNvPr id="256" name="Text Box 22"/>
        <xdr:cNvSpPr txBox="1">
          <a:spLocks noChangeArrowheads="1"/>
        </xdr:cNvSpPr>
      </xdr:nvSpPr>
      <xdr:spPr bwMode="auto">
        <a:xfrm>
          <a:off x="3581400" y="2668905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42</xdr:row>
      <xdr:rowOff>0</xdr:rowOff>
    </xdr:from>
    <xdr:ext cx="57150" cy="38100"/>
    <xdr:sp macro="" textlink="">
      <xdr:nvSpPr>
        <xdr:cNvPr id="257" name="Text Box 22"/>
        <xdr:cNvSpPr txBox="1">
          <a:spLocks noChangeArrowheads="1"/>
        </xdr:cNvSpPr>
      </xdr:nvSpPr>
      <xdr:spPr bwMode="auto">
        <a:xfrm>
          <a:off x="2228850"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42</xdr:row>
      <xdr:rowOff>0</xdr:rowOff>
    </xdr:from>
    <xdr:ext cx="57150" cy="38100"/>
    <xdr:sp macro="" textlink="">
      <xdr:nvSpPr>
        <xdr:cNvPr id="258" name="Text Box 22"/>
        <xdr:cNvSpPr txBox="1">
          <a:spLocks noChangeArrowheads="1"/>
        </xdr:cNvSpPr>
      </xdr:nvSpPr>
      <xdr:spPr bwMode="auto">
        <a:xfrm>
          <a:off x="3838575"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42</xdr:row>
      <xdr:rowOff>0</xdr:rowOff>
    </xdr:from>
    <xdr:ext cx="57150" cy="38100"/>
    <xdr:sp macro="" textlink="">
      <xdr:nvSpPr>
        <xdr:cNvPr id="259" name="Text Box 22"/>
        <xdr:cNvSpPr txBox="1">
          <a:spLocks noChangeArrowheads="1"/>
        </xdr:cNvSpPr>
      </xdr:nvSpPr>
      <xdr:spPr bwMode="auto">
        <a:xfrm>
          <a:off x="5572125"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42</xdr:row>
      <xdr:rowOff>0</xdr:rowOff>
    </xdr:from>
    <xdr:ext cx="57150" cy="38100"/>
    <xdr:sp macro="" textlink="">
      <xdr:nvSpPr>
        <xdr:cNvPr id="260" name="Text Box 22"/>
        <xdr:cNvSpPr txBox="1">
          <a:spLocks noChangeArrowheads="1"/>
        </xdr:cNvSpPr>
      </xdr:nvSpPr>
      <xdr:spPr bwMode="auto">
        <a:xfrm>
          <a:off x="6067425"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42</xdr:row>
      <xdr:rowOff>0</xdr:rowOff>
    </xdr:from>
    <xdr:ext cx="42862" cy="28575"/>
    <xdr:sp macro="" textlink="">
      <xdr:nvSpPr>
        <xdr:cNvPr id="261" name="Text Box 23"/>
        <xdr:cNvSpPr txBox="1">
          <a:spLocks noChangeArrowheads="1"/>
        </xdr:cNvSpPr>
      </xdr:nvSpPr>
      <xdr:spPr bwMode="auto">
        <a:xfrm>
          <a:off x="5695950" y="266890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42</xdr:row>
      <xdr:rowOff>0</xdr:rowOff>
    </xdr:from>
    <xdr:ext cx="42863" cy="38100"/>
    <xdr:sp macro="" textlink="">
      <xdr:nvSpPr>
        <xdr:cNvPr id="262" name="Text Box 22"/>
        <xdr:cNvSpPr txBox="1">
          <a:spLocks noChangeArrowheads="1"/>
        </xdr:cNvSpPr>
      </xdr:nvSpPr>
      <xdr:spPr bwMode="auto">
        <a:xfrm>
          <a:off x="5686425" y="266890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42</xdr:row>
      <xdr:rowOff>0</xdr:rowOff>
    </xdr:from>
    <xdr:ext cx="42862" cy="28575"/>
    <xdr:sp macro="" textlink="">
      <xdr:nvSpPr>
        <xdr:cNvPr id="263" name="Text Box 23"/>
        <xdr:cNvSpPr txBox="1">
          <a:spLocks noChangeArrowheads="1"/>
        </xdr:cNvSpPr>
      </xdr:nvSpPr>
      <xdr:spPr bwMode="auto">
        <a:xfrm>
          <a:off x="5695950" y="266890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42</xdr:row>
      <xdr:rowOff>0</xdr:rowOff>
    </xdr:from>
    <xdr:ext cx="57150" cy="38100"/>
    <xdr:sp macro="" textlink="">
      <xdr:nvSpPr>
        <xdr:cNvPr id="264" name="Text Box 22"/>
        <xdr:cNvSpPr txBox="1">
          <a:spLocks noChangeArrowheads="1"/>
        </xdr:cNvSpPr>
      </xdr:nvSpPr>
      <xdr:spPr bwMode="auto">
        <a:xfrm>
          <a:off x="4581525"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42</xdr:row>
      <xdr:rowOff>0</xdr:rowOff>
    </xdr:from>
    <xdr:ext cx="57150" cy="38100"/>
    <xdr:sp macro="" textlink="">
      <xdr:nvSpPr>
        <xdr:cNvPr id="265" name="Text Box 22"/>
        <xdr:cNvSpPr txBox="1">
          <a:spLocks noChangeArrowheads="1"/>
        </xdr:cNvSpPr>
      </xdr:nvSpPr>
      <xdr:spPr bwMode="auto">
        <a:xfrm>
          <a:off x="5819775"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42</xdr:row>
      <xdr:rowOff>0</xdr:rowOff>
    </xdr:from>
    <xdr:ext cx="57150" cy="38100"/>
    <xdr:sp macro="" textlink="">
      <xdr:nvSpPr>
        <xdr:cNvPr id="266" name="Text Box 22"/>
        <xdr:cNvSpPr txBox="1">
          <a:spLocks noChangeArrowheads="1"/>
        </xdr:cNvSpPr>
      </xdr:nvSpPr>
      <xdr:spPr bwMode="auto">
        <a:xfrm>
          <a:off x="7429500"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42</xdr:row>
      <xdr:rowOff>0</xdr:rowOff>
    </xdr:from>
    <xdr:ext cx="57150" cy="38100"/>
    <xdr:sp macro="" textlink="">
      <xdr:nvSpPr>
        <xdr:cNvPr id="267" name="Text Box 22"/>
        <xdr:cNvSpPr txBox="1">
          <a:spLocks noChangeArrowheads="1"/>
        </xdr:cNvSpPr>
      </xdr:nvSpPr>
      <xdr:spPr bwMode="auto">
        <a:xfrm>
          <a:off x="6438900"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42</xdr:row>
      <xdr:rowOff>0</xdr:rowOff>
    </xdr:from>
    <xdr:ext cx="57150" cy="38100"/>
    <xdr:sp macro="" textlink="">
      <xdr:nvSpPr>
        <xdr:cNvPr id="268" name="Text Box 22"/>
        <xdr:cNvSpPr txBox="1">
          <a:spLocks noChangeArrowheads="1"/>
        </xdr:cNvSpPr>
      </xdr:nvSpPr>
      <xdr:spPr bwMode="auto">
        <a:xfrm>
          <a:off x="3219450"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42</xdr:row>
      <xdr:rowOff>0</xdr:rowOff>
    </xdr:from>
    <xdr:ext cx="42863" cy="38100"/>
    <xdr:sp macro="" textlink="">
      <xdr:nvSpPr>
        <xdr:cNvPr id="269" name="Text Box 22"/>
        <xdr:cNvSpPr txBox="1">
          <a:spLocks noChangeArrowheads="1"/>
        </xdr:cNvSpPr>
      </xdr:nvSpPr>
      <xdr:spPr bwMode="auto">
        <a:xfrm>
          <a:off x="5562600" y="266890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42</xdr:row>
      <xdr:rowOff>0</xdr:rowOff>
    </xdr:from>
    <xdr:ext cx="57150" cy="38100"/>
    <xdr:sp macro="" textlink="">
      <xdr:nvSpPr>
        <xdr:cNvPr id="270" name="Text Box 22"/>
        <xdr:cNvSpPr txBox="1">
          <a:spLocks noChangeArrowheads="1"/>
        </xdr:cNvSpPr>
      </xdr:nvSpPr>
      <xdr:spPr bwMode="auto">
        <a:xfrm>
          <a:off x="4210050"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42</xdr:row>
      <xdr:rowOff>0</xdr:rowOff>
    </xdr:from>
    <xdr:ext cx="57150" cy="38100"/>
    <xdr:sp macro="" textlink="">
      <xdr:nvSpPr>
        <xdr:cNvPr id="271" name="Text Box 22"/>
        <xdr:cNvSpPr txBox="1">
          <a:spLocks noChangeArrowheads="1"/>
        </xdr:cNvSpPr>
      </xdr:nvSpPr>
      <xdr:spPr bwMode="auto">
        <a:xfrm>
          <a:off x="5200650"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42</xdr:row>
      <xdr:rowOff>130969</xdr:rowOff>
    </xdr:from>
    <xdr:ext cx="42863" cy="47625"/>
    <xdr:sp macro="" textlink="">
      <xdr:nvSpPr>
        <xdr:cNvPr id="272" name="Text Box 80"/>
        <xdr:cNvSpPr txBox="1">
          <a:spLocks noChangeArrowheads="1"/>
        </xdr:cNvSpPr>
      </xdr:nvSpPr>
      <xdr:spPr bwMode="auto">
        <a:xfrm>
          <a:off x="5934075" y="268200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42</xdr:row>
      <xdr:rowOff>0</xdr:rowOff>
    </xdr:from>
    <xdr:ext cx="42863" cy="47625"/>
    <xdr:sp macro="" textlink="">
      <xdr:nvSpPr>
        <xdr:cNvPr id="273" name="Text Box 117"/>
        <xdr:cNvSpPr txBox="1">
          <a:spLocks noChangeArrowheads="1"/>
        </xdr:cNvSpPr>
      </xdr:nvSpPr>
      <xdr:spPr bwMode="auto">
        <a:xfrm>
          <a:off x="5810250" y="266890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42</xdr:row>
      <xdr:rowOff>0</xdr:rowOff>
    </xdr:from>
    <xdr:ext cx="57150" cy="38100"/>
    <xdr:sp macro="" textlink="">
      <xdr:nvSpPr>
        <xdr:cNvPr id="274" name="Text Box 22"/>
        <xdr:cNvSpPr txBox="1">
          <a:spLocks noChangeArrowheads="1"/>
        </xdr:cNvSpPr>
      </xdr:nvSpPr>
      <xdr:spPr bwMode="auto">
        <a:xfrm>
          <a:off x="5819775"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42</xdr:row>
      <xdr:rowOff>0</xdr:rowOff>
    </xdr:from>
    <xdr:ext cx="57150" cy="38100"/>
    <xdr:sp macro="" textlink="">
      <xdr:nvSpPr>
        <xdr:cNvPr id="275" name="Text Box 22"/>
        <xdr:cNvSpPr txBox="1">
          <a:spLocks noChangeArrowheads="1"/>
        </xdr:cNvSpPr>
      </xdr:nvSpPr>
      <xdr:spPr bwMode="auto">
        <a:xfrm>
          <a:off x="6562725"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42</xdr:row>
      <xdr:rowOff>0</xdr:rowOff>
    </xdr:from>
    <xdr:ext cx="57150" cy="38100"/>
    <xdr:sp macro="" textlink="">
      <xdr:nvSpPr>
        <xdr:cNvPr id="276" name="Text Box 22"/>
        <xdr:cNvSpPr txBox="1">
          <a:spLocks noChangeArrowheads="1"/>
        </xdr:cNvSpPr>
      </xdr:nvSpPr>
      <xdr:spPr bwMode="auto">
        <a:xfrm>
          <a:off x="6191250"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42</xdr:row>
      <xdr:rowOff>130969</xdr:rowOff>
    </xdr:from>
    <xdr:ext cx="42863" cy="47625"/>
    <xdr:sp macro="" textlink="">
      <xdr:nvSpPr>
        <xdr:cNvPr id="277" name="Text Box 80"/>
        <xdr:cNvSpPr txBox="1">
          <a:spLocks noChangeArrowheads="1"/>
        </xdr:cNvSpPr>
      </xdr:nvSpPr>
      <xdr:spPr bwMode="auto">
        <a:xfrm>
          <a:off x="5934075" y="268200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42</xdr:row>
      <xdr:rowOff>0</xdr:rowOff>
    </xdr:from>
    <xdr:ext cx="42863" cy="47625"/>
    <xdr:sp macro="" textlink="">
      <xdr:nvSpPr>
        <xdr:cNvPr id="278" name="Text Box 117"/>
        <xdr:cNvSpPr txBox="1">
          <a:spLocks noChangeArrowheads="1"/>
        </xdr:cNvSpPr>
      </xdr:nvSpPr>
      <xdr:spPr bwMode="auto">
        <a:xfrm>
          <a:off x="5810250" y="266890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42</xdr:row>
      <xdr:rowOff>0</xdr:rowOff>
    </xdr:from>
    <xdr:ext cx="57150" cy="38100"/>
    <xdr:sp macro="" textlink="">
      <xdr:nvSpPr>
        <xdr:cNvPr id="279" name="Text Box 22"/>
        <xdr:cNvSpPr txBox="1">
          <a:spLocks noChangeArrowheads="1"/>
        </xdr:cNvSpPr>
      </xdr:nvSpPr>
      <xdr:spPr bwMode="auto">
        <a:xfrm>
          <a:off x="5819775"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42</xdr:row>
      <xdr:rowOff>0</xdr:rowOff>
    </xdr:from>
    <xdr:ext cx="57150" cy="38100"/>
    <xdr:sp macro="" textlink="">
      <xdr:nvSpPr>
        <xdr:cNvPr id="280" name="Text Box 22"/>
        <xdr:cNvSpPr txBox="1">
          <a:spLocks noChangeArrowheads="1"/>
        </xdr:cNvSpPr>
      </xdr:nvSpPr>
      <xdr:spPr bwMode="auto">
        <a:xfrm>
          <a:off x="6562725"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42</xdr:row>
      <xdr:rowOff>0</xdr:rowOff>
    </xdr:from>
    <xdr:ext cx="42863" cy="38100"/>
    <xdr:sp macro="" textlink="">
      <xdr:nvSpPr>
        <xdr:cNvPr id="281" name="Text Box 22"/>
        <xdr:cNvSpPr txBox="1">
          <a:spLocks noChangeArrowheads="1"/>
        </xdr:cNvSpPr>
      </xdr:nvSpPr>
      <xdr:spPr bwMode="auto">
        <a:xfrm>
          <a:off x="7543800" y="266890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42</xdr:row>
      <xdr:rowOff>0</xdr:rowOff>
    </xdr:from>
    <xdr:ext cx="57150" cy="38100"/>
    <xdr:sp macro="" textlink="">
      <xdr:nvSpPr>
        <xdr:cNvPr id="282" name="Text Box 22"/>
        <xdr:cNvSpPr txBox="1">
          <a:spLocks noChangeArrowheads="1"/>
        </xdr:cNvSpPr>
      </xdr:nvSpPr>
      <xdr:spPr bwMode="auto">
        <a:xfrm>
          <a:off x="6191250"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42</xdr:row>
      <xdr:rowOff>0</xdr:rowOff>
    </xdr:from>
    <xdr:ext cx="57150" cy="38100"/>
    <xdr:sp macro="" textlink="">
      <xdr:nvSpPr>
        <xdr:cNvPr id="283" name="Text Box 22"/>
        <xdr:cNvSpPr txBox="1">
          <a:spLocks noChangeArrowheads="1"/>
        </xdr:cNvSpPr>
      </xdr:nvSpPr>
      <xdr:spPr bwMode="auto">
        <a:xfrm>
          <a:off x="7181850" y="266890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45</xdr:row>
      <xdr:rowOff>23813</xdr:rowOff>
    </xdr:from>
    <xdr:ext cx="33337" cy="47625"/>
    <xdr:sp macro="" textlink="">
      <xdr:nvSpPr>
        <xdr:cNvPr id="284" name="Text Box 118"/>
        <xdr:cNvSpPr txBox="1">
          <a:spLocks noChangeArrowheads="1"/>
        </xdr:cNvSpPr>
      </xdr:nvSpPr>
      <xdr:spPr bwMode="auto">
        <a:xfrm>
          <a:off x="3757612" y="274558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15</xdr:col>
      <xdr:colOff>116681</xdr:colOff>
      <xdr:row>261</xdr:row>
      <xdr:rowOff>11906</xdr:rowOff>
    </xdr:from>
    <xdr:to>
      <xdr:col>34</xdr:col>
      <xdr:colOff>80963</xdr:colOff>
      <xdr:row>261</xdr:row>
      <xdr:rowOff>11906</xdr:rowOff>
    </xdr:to>
    <xdr:cxnSp macro="">
      <xdr:nvCxnSpPr>
        <xdr:cNvPr id="286" name="直線矢印コネクタ 285"/>
        <xdr:cNvCxnSpPr/>
      </xdr:nvCxnSpPr>
      <xdr:spPr bwMode="auto">
        <a:xfrm>
          <a:off x="1974056" y="47103506"/>
          <a:ext cx="2316957" cy="0"/>
        </a:xfrm>
        <a:prstGeom prst="straightConnector1">
          <a:avLst/>
        </a:prstGeom>
        <a:solidFill>
          <a:srgbClr val="FFFFFF"/>
        </a:solidFill>
        <a:ln w="15875" cap="flat" cmpd="sng" algn="ctr">
          <a:solidFill>
            <a:srgbClr val="000000"/>
          </a:solidFill>
          <a:prstDash val="solid"/>
          <a:round/>
          <a:headEnd type="arrow" w="sm" len="med"/>
          <a:tailEnd type="arrow" w="sm" len="med"/>
        </a:ln>
        <a:effectLst/>
      </xdr:spPr>
    </xdr:cxnSp>
    <xdr:clientData/>
  </xdr:twoCellAnchor>
  <xdr:twoCellAnchor editAs="oneCell">
    <xdr:from>
      <xdr:col>30</xdr:col>
      <xdr:colOff>42862</xdr:colOff>
      <xdr:row>246</xdr:row>
      <xdr:rowOff>23813</xdr:rowOff>
    </xdr:from>
    <xdr:to>
      <xdr:col>30</xdr:col>
      <xdr:colOff>76199</xdr:colOff>
      <xdr:row>246</xdr:row>
      <xdr:rowOff>71438</xdr:rowOff>
    </xdr:to>
    <xdr:sp macro="" textlink="">
      <xdr:nvSpPr>
        <xdr:cNvPr id="290" name="Text Box 118"/>
        <xdr:cNvSpPr txBox="1">
          <a:spLocks noChangeArrowheads="1"/>
        </xdr:cNvSpPr>
      </xdr:nvSpPr>
      <xdr:spPr bwMode="auto">
        <a:xfrm>
          <a:off x="3757612" y="400002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242</xdr:row>
      <xdr:rowOff>0</xdr:rowOff>
    </xdr:from>
    <xdr:to>
      <xdr:col>31</xdr:col>
      <xdr:colOff>38100</xdr:colOff>
      <xdr:row>242</xdr:row>
      <xdr:rowOff>47625</xdr:rowOff>
    </xdr:to>
    <xdr:sp macro="" textlink="">
      <xdr:nvSpPr>
        <xdr:cNvPr id="291" name="Text Box 117"/>
        <xdr:cNvSpPr txBox="1">
          <a:spLocks noChangeArrowheads="1"/>
        </xdr:cNvSpPr>
      </xdr:nvSpPr>
      <xdr:spPr bwMode="auto">
        <a:xfrm>
          <a:off x="3829050" y="3898582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42</xdr:row>
      <xdr:rowOff>0</xdr:rowOff>
    </xdr:from>
    <xdr:to>
      <xdr:col>29</xdr:col>
      <xdr:colOff>38100</xdr:colOff>
      <xdr:row>242</xdr:row>
      <xdr:rowOff>38100</xdr:rowOff>
    </xdr:to>
    <xdr:sp macro="" textlink="">
      <xdr:nvSpPr>
        <xdr:cNvPr id="292" name="Text Box 22"/>
        <xdr:cNvSpPr txBox="1">
          <a:spLocks noChangeArrowheads="1"/>
        </xdr:cNvSpPr>
      </xdr:nvSpPr>
      <xdr:spPr bwMode="auto">
        <a:xfrm>
          <a:off x="3581400" y="3898582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242</xdr:row>
      <xdr:rowOff>0</xdr:rowOff>
    </xdr:from>
    <xdr:to>
      <xdr:col>31</xdr:col>
      <xdr:colOff>57150</xdr:colOff>
      <xdr:row>242</xdr:row>
      <xdr:rowOff>38100</xdr:rowOff>
    </xdr:to>
    <xdr:sp macro="" textlink="">
      <xdr:nvSpPr>
        <xdr:cNvPr id="293" name="Text Box 22"/>
        <xdr:cNvSpPr txBox="1">
          <a:spLocks noChangeArrowheads="1"/>
        </xdr:cNvSpPr>
      </xdr:nvSpPr>
      <xdr:spPr bwMode="auto">
        <a:xfrm>
          <a:off x="38385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242</xdr:row>
      <xdr:rowOff>0</xdr:rowOff>
    </xdr:from>
    <xdr:to>
      <xdr:col>45</xdr:col>
      <xdr:colOff>57150</xdr:colOff>
      <xdr:row>242</xdr:row>
      <xdr:rowOff>38100</xdr:rowOff>
    </xdr:to>
    <xdr:sp macro="" textlink="">
      <xdr:nvSpPr>
        <xdr:cNvPr id="294" name="Text Box 22"/>
        <xdr:cNvSpPr txBox="1">
          <a:spLocks noChangeArrowheads="1"/>
        </xdr:cNvSpPr>
      </xdr:nvSpPr>
      <xdr:spPr bwMode="auto">
        <a:xfrm>
          <a:off x="55721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242</xdr:row>
      <xdr:rowOff>0</xdr:rowOff>
    </xdr:from>
    <xdr:to>
      <xdr:col>49</xdr:col>
      <xdr:colOff>57150</xdr:colOff>
      <xdr:row>242</xdr:row>
      <xdr:rowOff>38100</xdr:rowOff>
    </xdr:to>
    <xdr:sp macro="" textlink="">
      <xdr:nvSpPr>
        <xdr:cNvPr id="295" name="Text Box 22"/>
        <xdr:cNvSpPr txBox="1">
          <a:spLocks noChangeArrowheads="1"/>
        </xdr:cNvSpPr>
      </xdr:nvSpPr>
      <xdr:spPr bwMode="auto">
        <a:xfrm>
          <a:off x="60674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242</xdr:row>
      <xdr:rowOff>0</xdr:rowOff>
    </xdr:from>
    <xdr:ext cx="42862" cy="28575"/>
    <xdr:sp macro="" textlink="">
      <xdr:nvSpPr>
        <xdr:cNvPr id="296" name="Text Box 23"/>
        <xdr:cNvSpPr txBox="1">
          <a:spLocks noChangeArrowheads="1"/>
        </xdr:cNvSpPr>
      </xdr:nvSpPr>
      <xdr:spPr bwMode="auto">
        <a:xfrm>
          <a:off x="5695950" y="3898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42</xdr:row>
      <xdr:rowOff>0</xdr:rowOff>
    </xdr:from>
    <xdr:ext cx="42863" cy="38100"/>
    <xdr:sp macro="" textlink="">
      <xdr:nvSpPr>
        <xdr:cNvPr id="297" name="Text Box 22"/>
        <xdr:cNvSpPr txBox="1">
          <a:spLocks noChangeArrowheads="1"/>
        </xdr:cNvSpPr>
      </xdr:nvSpPr>
      <xdr:spPr bwMode="auto">
        <a:xfrm>
          <a:off x="5686425"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42</xdr:row>
      <xdr:rowOff>0</xdr:rowOff>
    </xdr:from>
    <xdr:ext cx="42862" cy="28575"/>
    <xdr:sp macro="" textlink="">
      <xdr:nvSpPr>
        <xdr:cNvPr id="298" name="Text Box 23"/>
        <xdr:cNvSpPr txBox="1">
          <a:spLocks noChangeArrowheads="1"/>
        </xdr:cNvSpPr>
      </xdr:nvSpPr>
      <xdr:spPr bwMode="auto">
        <a:xfrm>
          <a:off x="5695950" y="3898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42</xdr:row>
      <xdr:rowOff>0</xdr:rowOff>
    </xdr:from>
    <xdr:ext cx="57150" cy="38100"/>
    <xdr:sp macro="" textlink="">
      <xdr:nvSpPr>
        <xdr:cNvPr id="299" name="Text Box 22"/>
        <xdr:cNvSpPr txBox="1">
          <a:spLocks noChangeArrowheads="1"/>
        </xdr:cNvSpPr>
      </xdr:nvSpPr>
      <xdr:spPr bwMode="auto">
        <a:xfrm>
          <a:off x="45815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42</xdr:row>
      <xdr:rowOff>0</xdr:rowOff>
    </xdr:from>
    <xdr:ext cx="57150" cy="38100"/>
    <xdr:sp macro="" textlink="">
      <xdr:nvSpPr>
        <xdr:cNvPr id="300"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42</xdr:row>
      <xdr:rowOff>0</xdr:rowOff>
    </xdr:from>
    <xdr:ext cx="57150" cy="38100"/>
    <xdr:sp macro="" textlink="">
      <xdr:nvSpPr>
        <xdr:cNvPr id="301" name="Text Box 22"/>
        <xdr:cNvSpPr txBox="1">
          <a:spLocks noChangeArrowheads="1"/>
        </xdr:cNvSpPr>
      </xdr:nvSpPr>
      <xdr:spPr bwMode="auto">
        <a:xfrm>
          <a:off x="742950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42</xdr:row>
      <xdr:rowOff>0</xdr:rowOff>
    </xdr:from>
    <xdr:ext cx="57150" cy="38100"/>
    <xdr:sp macro="" textlink="">
      <xdr:nvSpPr>
        <xdr:cNvPr id="302" name="Text Box 22"/>
        <xdr:cNvSpPr txBox="1">
          <a:spLocks noChangeArrowheads="1"/>
        </xdr:cNvSpPr>
      </xdr:nvSpPr>
      <xdr:spPr bwMode="auto">
        <a:xfrm>
          <a:off x="643890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42</xdr:row>
      <xdr:rowOff>0</xdr:rowOff>
    </xdr:from>
    <xdr:ext cx="42863" cy="38100"/>
    <xdr:sp macro="" textlink="">
      <xdr:nvSpPr>
        <xdr:cNvPr id="303" name="Text Box 22"/>
        <xdr:cNvSpPr txBox="1">
          <a:spLocks noChangeArrowheads="1"/>
        </xdr:cNvSpPr>
      </xdr:nvSpPr>
      <xdr:spPr bwMode="auto">
        <a:xfrm>
          <a:off x="5562600"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42</xdr:row>
      <xdr:rowOff>0</xdr:rowOff>
    </xdr:from>
    <xdr:ext cx="42863" cy="47625"/>
    <xdr:sp macro="" textlink="">
      <xdr:nvSpPr>
        <xdr:cNvPr id="304" name="Text Box 117"/>
        <xdr:cNvSpPr txBox="1">
          <a:spLocks noChangeArrowheads="1"/>
        </xdr:cNvSpPr>
      </xdr:nvSpPr>
      <xdr:spPr bwMode="auto">
        <a:xfrm>
          <a:off x="5810250" y="3898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42</xdr:row>
      <xdr:rowOff>0</xdr:rowOff>
    </xdr:from>
    <xdr:ext cx="57150" cy="38100"/>
    <xdr:sp macro="" textlink="">
      <xdr:nvSpPr>
        <xdr:cNvPr id="305"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42</xdr:row>
      <xdr:rowOff>0</xdr:rowOff>
    </xdr:from>
    <xdr:ext cx="57150" cy="38100"/>
    <xdr:sp macro="" textlink="">
      <xdr:nvSpPr>
        <xdr:cNvPr id="306" name="Text Box 22"/>
        <xdr:cNvSpPr txBox="1">
          <a:spLocks noChangeArrowheads="1"/>
        </xdr:cNvSpPr>
      </xdr:nvSpPr>
      <xdr:spPr bwMode="auto">
        <a:xfrm>
          <a:off x="65627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42</xdr:row>
      <xdr:rowOff>0</xdr:rowOff>
    </xdr:from>
    <xdr:ext cx="57150" cy="38100"/>
    <xdr:sp macro="" textlink="">
      <xdr:nvSpPr>
        <xdr:cNvPr id="307" name="Text Box 22"/>
        <xdr:cNvSpPr txBox="1">
          <a:spLocks noChangeArrowheads="1"/>
        </xdr:cNvSpPr>
      </xdr:nvSpPr>
      <xdr:spPr bwMode="auto">
        <a:xfrm>
          <a:off x="61912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42</xdr:row>
      <xdr:rowOff>0</xdr:rowOff>
    </xdr:from>
    <xdr:ext cx="42863" cy="47625"/>
    <xdr:sp macro="" textlink="">
      <xdr:nvSpPr>
        <xdr:cNvPr id="308" name="Text Box 117"/>
        <xdr:cNvSpPr txBox="1">
          <a:spLocks noChangeArrowheads="1"/>
        </xdr:cNvSpPr>
      </xdr:nvSpPr>
      <xdr:spPr bwMode="auto">
        <a:xfrm>
          <a:off x="5810250" y="3898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42</xdr:row>
      <xdr:rowOff>0</xdr:rowOff>
    </xdr:from>
    <xdr:ext cx="57150" cy="38100"/>
    <xdr:sp macro="" textlink="">
      <xdr:nvSpPr>
        <xdr:cNvPr id="309" name="Text Box 22"/>
        <xdr:cNvSpPr txBox="1">
          <a:spLocks noChangeArrowheads="1"/>
        </xdr:cNvSpPr>
      </xdr:nvSpPr>
      <xdr:spPr bwMode="auto">
        <a:xfrm>
          <a:off x="581977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42</xdr:row>
      <xdr:rowOff>0</xdr:rowOff>
    </xdr:from>
    <xdr:ext cx="57150" cy="38100"/>
    <xdr:sp macro="" textlink="">
      <xdr:nvSpPr>
        <xdr:cNvPr id="310" name="Text Box 22"/>
        <xdr:cNvSpPr txBox="1">
          <a:spLocks noChangeArrowheads="1"/>
        </xdr:cNvSpPr>
      </xdr:nvSpPr>
      <xdr:spPr bwMode="auto">
        <a:xfrm>
          <a:off x="6562725"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42</xdr:row>
      <xdr:rowOff>0</xdr:rowOff>
    </xdr:from>
    <xdr:ext cx="42863" cy="38100"/>
    <xdr:sp macro="" textlink="">
      <xdr:nvSpPr>
        <xdr:cNvPr id="311" name="Text Box 22"/>
        <xdr:cNvSpPr txBox="1">
          <a:spLocks noChangeArrowheads="1"/>
        </xdr:cNvSpPr>
      </xdr:nvSpPr>
      <xdr:spPr bwMode="auto">
        <a:xfrm>
          <a:off x="7543800" y="3898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42</xdr:row>
      <xdr:rowOff>0</xdr:rowOff>
    </xdr:from>
    <xdr:ext cx="57150" cy="38100"/>
    <xdr:sp macro="" textlink="">
      <xdr:nvSpPr>
        <xdr:cNvPr id="312" name="Text Box 22"/>
        <xdr:cNvSpPr txBox="1">
          <a:spLocks noChangeArrowheads="1"/>
        </xdr:cNvSpPr>
      </xdr:nvSpPr>
      <xdr:spPr bwMode="auto">
        <a:xfrm>
          <a:off x="61912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42</xdr:row>
      <xdr:rowOff>0</xdr:rowOff>
    </xdr:from>
    <xdr:ext cx="57150" cy="38100"/>
    <xdr:sp macro="" textlink="">
      <xdr:nvSpPr>
        <xdr:cNvPr id="313" name="Text Box 22"/>
        <xdr:cNvSpPr txBox="1">
          <a:spLocks noChangeArrowheads="1"/>
        </xdr:cNvSpPr>
      </xdr:nvSpPr>
      <xdr:spPr bwMode="auto">
        <a:xfrm>
          <a:off x="7181850" y="3898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L400"/>
  <sheetViews>
    <sheetView showGridLines="0" tabSelected="1" view="pageBreakPreview" topLeftCell="A334" zoomScaleNormal="100" zoomScaleSheetLayoutView="100" workbookViewId="0">
      <selection activeCell="AW98" sqref="AW98:BJ98"/>
    </sheetView>
  </sheetViews>
  <sheetFormatPr defaultColWidth="1.625" defaultRowHeight="13.5"/>
  <cols>
    <col min="1" max="5" width="1.625" style="198" customWidth="1"/>
    <col min="6" max="33" width="1.625" style="198"/>
    <col min="34" max="34" width="1.625" style="198" customWidth="1"/>
    <col min="35" max="16384" width="1.625" style="198"/>
  </cols>
  <sheetData>
    <row r="1" spans="1:66" s="118" customFormat="1" ht="15" customHeight="1">
      <c r="A1" s="117"/>
      <c r="B1" s="117"/>
      <c r="C1" s="117"/>
      <c r="D1" s="265" t="s">
        <v>291</v>
      </c>
      <c r="E1" s="265"/>
      <c r="F1" s="265"/>
      <c r="G1" s="265"/>
      <c r="H1" s="265"/>
      <c r="I1" s="265"/>
      <c r="J1" s="265"/>
      <c r="K1" s="265"/>
      <c r="L1" s="265"/>
      <c r="M1" s="265"/>
      <c r="N1" s="265"/>
      <c r="O1" s="265"/>
      <c r="P1" s="265"/>
      <c r="Q1" s="265"/>
      <c r="R1" s="265"/>
      <c r="S1" s="265"/>
      <c r="T1" s="265"/>
      <c r="U1" s="265"/>
      <c r="V1" s="265"/>
      <c r="W1" s="265"/>
      <c r="X1" s="265"/>
      <c r="Y1" s="265"/>
      <c r="Z1" s="265"/>
      <c r="AA1" s="265"/>
      <c r="AB1" s="265"/>
      <c r="AC1" s="265"/>
      <c r="AD1" s="265"/>
      <c r="AE1" s="265"/>
      <c r="AF1" s="265"/>
      <c r="AG1" s="265"/>
      <c r="AH1" s="265"/>
      <c r="AI1" s="265"/>
      <c r="AJ1" s="265"/>
      <c r="AK1" s="265"/>
      <c r="AL1" s="265"/>
      <c r="AM1" s="265"/>
      <c r="AN1" s="265"/>
      <c r="AO1" s="265"/>
      <c r="AP1" s="265"/>
      <c r="AQ1" s="265"/>
      <c r="AR1" s="265"/>
      <c r="AS1" s="265"/>
      <c r="AT1" s="265"/>
      <c r="AU1" s="265"/>
      <c r="AV1" s="265"/>
      <c r="AW1" s="265"/>
      <c r="AX1" s="265"/>
      <c r="AY1" s="265"/>
      <c r="AZ1" s="265"/>
      <c r="BA1" s="265"/>
      <c r="BB1" s="265"/>
      <c r="BC1" s="265"/>
      <c r="BD1" s="265"/>
      <c r="BE1" s="265"/>
      <c r="BF1" s="265"/>
      <c r="BG1" s="265"/>
      <c r="BH1" s="265"/>
      <c r="BI1" s="265"/>
      <c r="BJ1" s="265"/>
      <c r="BK1" s="265"/>
      <c r="BL1" s="265"/>
      <c r="BM1" s="265"/>
      <c r="BN1" s="265"/>
    </row>
    <row r="2" spans="1:66" s="118" customFormat="1" ht="15" customHeight="1">
      <c r="A2" s="117"/>
      <c r="B2" s="117"/>
      <c r="C2" s="117"/>
      <c r="D2" s="265"/>
      <c r="E2" s="265"/>
      <c r="F2" s="265"/>
      <c r="G2" s="265"/>
      <c r="H2" s="265"/>
      <c r="I2" s="265"/>
      <c r="J2" s="265"/>
      <c r="K2" s="265"/>
      <c r="L2" s="265"/>
      <c r="M2" s="265"/>
      <c r="N2" s="265"/>
      <c r="O2" s="265"/>
      <c r="P2" s="265"/>
      <c r="Q2" s="265"/>
      <c r="R2" s="265"/>
      <c r="S2" s="265"/>
      <c r="T2" s="265"/>
      <c r="U2" s="265"/>
      <c r="V2" s="265"/>
      <c r="W2" s="265"/>
      <c r="X2" s="265"/>
      <c r="Y2" s="265"/>
      <c r="Z2" s="265"/>
      <c r="AA2" s="265"/>
      <c r="AB2" s="265"/>
      <c r="AC2" s="265"/>
      <c r="AD2" s="265"/>
      <c r="AE2" s="265"/>
      <c r="AF2" s="265"/>
      <c r="AG2" s="265"/>
      <c r="AH2" s="265"/>
      <c r="AI2" s="265"/>
      <c r="AJ2" s="265"/>
      <c r="AK2" s="265"/>
      <c r="AL2" s="265"/>
      <c r="AM2" s="265"/>
      <c r="AN2" s="265"/>
      <c r="AO2" s="265"/>
      <c r="AP2" s="265"/>
      <c r="AQ2" s="265"/>
      <c r="AR2" s="265"/>
      <c r="AS2" s="265"/>
      <c r="AT2" s="265"/>
      <c r="AU2" s="265"/>
      <c r="AV2" s="265"/>
      <c r="AW2" s="265"/>
      <c r="AX2" s="265"/>
      <c r="AY2" s="265"/>
      <c r="AZ2" s="265"/>
      <c r="BA2" s="265"/>
      <c r="BB2" s="265"/>
      <c r="BC2" s="265"/>
      <c r="BD2" s="265"/>
      <c r="BE2" s="265"/>
      <c r="BF2" s="265"/>
      <c r="BG2" s="265"/>
      <c r="BH2" s="265"/>
      <c r="BI2" s="265"/>
      <c r="BJ2" s="265"/>
      <c r="BK2" s="265"/>
      <c r="BL2" s="265"/>
      <c r="BM2" s="265"/>
      <c r="BN2" s="265"/>
    </row>
    <row r="3" spans="1:66" s="118" customFormat="1" ht="15" customHeight="1">
      <c r="A3" s="117"/>
      <c r="B3" s="117"/>
      <c r="C3" s="117"/>
      <c r="D3" s="117"/>
      <c r="E3" s="117"/>
      <c r="F3" s="117"/>
      <c r="G3" s="117"/>
      <c r="H3" s="117"/>
      <c r="I3" s="117"/>
      <c r="J3" s="117"/>
      <c r="K3" s="117"/>
      <c r="L3" s="117"/>
      <c r="M3" s="117"/>
      <c r="N3" s="117"/>
      <c r="O3" s="117"/>
      <c r="P3" s="117"/>
      <c r="Q3" s="117"/>
      <c r="R3" s="117"/>
      <c r="S3" s="117"/>
      <c r="T3" s="117"/>
      <c r="U3" s="117"/>
      <c r="V3" s="117"/>
      <c r="W3" s="117"/>
      <c r="X3" s="117"/>
      <c r="Y3" s="117"/>
      <c r="Z3" s="117"/>
      <c r="AA3" s="117"/>
      <c r="AB3" s="117"/>
      <c r="AC3" s="117"/>
      <c r="AD3" s="117"/>
      <c r="AE3" s="117"/>
      <c r="AF3" s="117"/>
      <c r="AG3" s="117"/>
      <c r="AH3" s="117"/>
      <c r="AI3" s="117"/>
      <c r="AJ3" s="117"/>
      <c r="AK3" s="117"/>
      <c r="AL3" s="117"/>
      <c r="AM3" s="117"/>
      <c r="AN3" s="117"/>
      <c r="AO3" s="117"/>
      <c r="AP3" s="117"/>
    </row>
    <row r="4" spans="1:66" s="118" customFormat="1" ht="15" customHeight="1">
      <c r="A4" s="117"/>
      <c r="B4" s="117"/>
      <c r="C4" s="117"/>
      <c r="D4" s="117"/>
      <c r="E4" s="117"/>
      <c r="F4" s="117"/>
      <c r="G4" s="117"/>
      <c r="H4" s="117"/>
      <c r="I4" s="117"/>
      <c r="J4" s="117"/>
      <c r="K4" s="117"/>
      <c r="L4" s="117"/>
      <c r="M4" s="117"/>
      <c r="N4" s="117"/>
      <c r="O4" s="117"/>
      <c r="P4" s="117"/>
      <c r="Q4" s="117"/>
      <c r="R4" s="117"/>
      <c r="S4" s="117"/>
      <c r="T4" s="117"/>
      <c r="U4" s="117"/>
      <c r="V4" s="117"/>
      <c r="W4" s="117"/>
      <c r="X4" s="117"/>
      <c r="Y4" s="117"/>
      <c r="Z4" s="117"/>
      <c r="AA4" s="117"/>
      <c r="AB4" s="117"/>
      <c r="AC4" s="117"/>
      <c r="AD4" s="117"/>
      <c r="AE4" s="117"/>
      <c r="AF4" s="117"/>
      <c r="AG4" s="117"/>
      <c r="AH4" s="117"/>
      <c r="AI4" s="117"/>
      <c r="AJ4" s="117"/>
      <c r="AK4" s="117"/>
      <c r="AL4" s="117"/>
      <c r="AM4" s="117"/>
      <c r="AN4" s="117"/>
      <c r="AO4" s="117"/>
      <c r="AP4" s="117"/>
    </row>
    <row r="5" spans="1:66" s="118" customFormat="1" ht="15" customHeight="1">
      <c r="A5" s="117"/>
      <c r="B5" s="117"/>
      <c r="C5" s="117"/>
      <c r="D5" s="117"/>
      <c r="E5" s="117"/>
      <c r="F5" s="117"/>
      <c r="G5" s="117"/>
      <c r="H5" s="117"/>
      <c r="I5" s="117"/>
      <c r="J5" s="117"/>
      <c r="K5" s="117"/>
      <c r="L5" s="117"/>
      <c r="M5" s="117"/>
      <c r="N5" s="117"/>
      <c r="O5" s="117"/>
      <c r="P5" s="117"/>
      <c r="Q5" s="117"/>
      <c r="R5" s="117"/>
      <c r="S5" s="117"/>
      <c r="T5" s="117"/>
      <c r="U5" s="117"/>
      <c r="V5" s="117"/>
      <c r="W5" s="117"/>
      <c r="X5" s="117"/>
      <c r="Y5" s="117"/>
      <c r="Z5" s="117"/>
      <c r="AA5" s="117"/>
      <c r="AB5" s="117"/>
      <c r="AC5" s="117"/>
      <c r="AD5" s="117"/>
      <c r="AE5" s="117"/>
      <c r="AF5" s="117"/>
      <c r="AG5" s="117"/>
      <c r="AH5" s="117"/>
      <c r="AI5" s="117"/>
      <c r="AJ5" s="117"/>
      <c r="AK5" s="117"/>
      <c r="AL5" s="117"/>
      <c r="AM5" s="117"/>
      <c r="AN5" s="117"/>
      <c r="AO5" s="117"/>
      <c r="AP5" s="117"/>
    </row>
    <row r="6" spans="1:66" s="118" customFormat="1" ht="15" customHeight="1">
      <c r="A6" s="266" t="s">
        <v>391</v>
      </c>
      <c r="B6" s="266"/>
      <c r="C6" s="266"/>
      <c r="D6" s="266"/>
      <c r="E6" s="266"/>
      <c r="F6" s="266"/>
      <c r="G6" s="266"/>
      <c r="H6" s="266"/>
      <c r="I6" s="266"/>
      <c r="J6" s="266"/>
      <c r="K6" s="266"/>
      <c r="L6" s="266"/>
      <c r="M6" s="266"/>
      <c r="N6" s="266"/>
      <c r="O6" s="266"/>
      <c r="P6" s="266"/>
      <c r="Q6" s="266"/>
      <c r="R6" s="266"/>
      <c r="S6" s="266"/>
      <c r="T6" s="266"/>
      <c r="U6" s="266"/>
      <c r="V6" s="266"/>
      <c r="W6" s="266"/>
      <c r="X6" s="266"/>
      <c r="Y6" s="266"/>
      <c r="Z6" s="266"/>
      <c r="AA6" s="266"/>
      <c r="AB6" s="266"/>
      <c r="AC6" s="266"/>
      <c r="AD6" s="266"/>
      <c r="AE6" s="266"/>
      <c r="AF6" s="266"/>
      <c r="AG6" s="266"/>
      <c r="AH6" s="266"/>
      <c r="AI6" s="266"/>
      <c r="AJ6" s="266"/>
      <c r="AK6" s="266"/>
      <c r="AL6" s="266"/>
      <c r="AM6" s="266"/>
      <c r="AN6" s="266"/>
      <c r="AO6" s="266"/>
      <c r="AP6" s="266"/>
      <c r="AQ6" s="266"/>
      <c r="AR6" s="266"/>
      <c r="AS6" s="266"/>
      <c r="AT6" s="266"/>
      <c r="AU6" s="266"/>
      <c r="AV6" s="266"/>
      <c r="AW6" s="266"/>
      <c r="AX6" s="266"/>
      <c r="AY6" s="266"/>
      <c r="AZ6" s="266"/>
      <c r="BA6" s="266"/>
      <c r="BB6" s="266"/>
      <c r="BC6" s="266"/>
      <c r="BD6" s="266"/>
      <c r="BE6" s="266"/>
      <c r="BF6" s="266"/>
      <c r="BG6" s="266"/>
      <c r="BH6" s="266"/>
      <c r="BI6" s="266"/>
      <c r="BJ6" s="266"/>
      <c r="BK6" s="266"/>
      <c r="BL6" s="266"/>
      <c r="BM6" s="266"/>
      <c r="BN6" s="266"/>
    </row>
    <row r="7" spans="1:66" s="118" customFormat="1" ht="15" customHeight="1">
      <c r="A7" s="266"/>
      <c r="B7" s="266"/>
      <c r="C7" s="266"/>
      <c r="D7" s="266"/>
      <c r="E7" s="266"/>
      <c r="F7" s="266"/>
      <c r="G7" s="266"/>
      <c r="H7" s="266"/>
      <c r="I7" s="266"/>
      <c r="J7" s="266"/>
      <c r="K7" s="266"/>
      <c r="L7" s="266"/>
      <c r="M7" s="266"/>
      <c r="N7" s="266"/>
      <c r="O7" s="266"/>
      <c r="P7" s="266"/>
      <c r="Q7" s="266"/>
      <c r="R7" s="266"/>
      <c r="S7" s="266"/>
      <c r="T7" s="266"/>
      <c r="U7" s="266"/>
      <c r="V7" s="266"/>
      <c r="W7" s="266"/>
      <c r="X7" s="266"/>
      <c r="Y7" s="266"/>
      <c r="Z7" s="266"/>
      <c r="AA7" s="266"/>
      <c r="AB7" s="266"/>
      <c r="AC7" s="266"/>
      <c r="AD7" s="266"/>
      <c r="AE7" s="266"/>
      <c r="AF7" s="266"/>
      <c r="AG7" s="266"/>
      <c r="AH7" s="266"/>
      <c r="AI7" s="266"/>
      <c r="AJ7" s="266"/>
      <c r="AK7" s="266"/>
      <c r="AL7" s="266"/>
      <c r="AM7" s="266"/>
      <c r="AN7" s="266"/>
      <c r="AO7" s="266"/>
      <c r="AP7" s="266"/>
      <c r="AQ7" s="266"/>
      <c r="AR7" s="266"/>
      <c r="AS7" s="266"/>
      <c r="AT7" s="266"/>
      <c r="AU7" s="266"/>
      <c r="AV7" s="266"/>
      <c r="AW7" s="266"/>
      <c r="AX7" s="266"/>
      <c r="AY7" s="266"/>
      <c r="AZ7" s="266"/>
      <c r="BA7" s="266"/>
      <c r="BB7" s="266"/>
      <c r="BC7" s="266"/>
      <c r="BD7" s="266"/>
      <c r="BE7" s="266"/>
      <c r="BF7" s="266"/>
      <c r="BG7" s="266"/>
      <c r="BH7" s="266"/>
      <c r="BI7" s="266"/>
      <c r="BJ7" s="266"/>
      <c r="BK7" s="266"/>
      <c r="BL7" s="266"/>
      <c r="BM7" s="266"/>
      <c r="BN7" s="266"/>
    </row>
    <row r="8" spans="1:66" s="118" customFormat="1" ht="15" customHeight="1">
      <c r="A8" s="157"/>
      <c r="B8" s="157"/>
      <c r="C8" s="157"/>
      <c r="D8" s="157"/>
      <c r="E8" s="157"/>
      <c r="F8" s="157"/>
      <c r="G8" s="157"/>
      <c r="H8" s="157"/>
      <c r="I8" s="157"/>
      <c r="J8" s="157"/>
      <c r="K8" s="157"/>
      <c r="L8" s="157"/>
      <c r="M8" s="157"/>
      <c r="N8" s="157"/>
      <c r="O8" s="157"/>
      <c r="P8" s="157"/>
      <c r="Q8" s="157"/>
      <c r="R8" s="157"/>
      <c r="S8" s="157"/>
      <c r="T8" s="157"/>
      <c r="U8" s="157"/>
      <c r="V8" s="157"/>
      <c r="W8" s="157"/>
      <c r="X8" s="157"/>
      <c r="Y8" s="157"/>
      <c r="Z8" s="157"/>
      <c r="AA8" s="157"/>
      <c r="AB8" s="157"/>
      <c r="AC8" s="157"/>
      <c r="AD8" s="157"/>
      <c r="AE8" s="157"/>
      <c r="AF8" s="157"/>
      <c r="AG8" s="157"/>
      <c r="AH8" s="157"/>
      <c r="AI8" s="157"/>
      <c r="AJ8" s="157"/>
      <c r="AK8" s="157"/>
      <c r="AL8" s="157"/>
      <c r="AM8" s="157"/>
      <c r="AN8" s="157"/>
      <c r="AO8" s="157"/>
      <c r="AP8" s="157"/>
    </row>
    <row r="9" spans="1:66" s="118" customFormat="1" ht="15" customHeight="1">
      <c r="A9" s="117"/>
      <c r="B9" s="117"/>
      <c r="C9" s="117"/>
      <c r="D9" s="117"/>
      <c r="E9" s="117"/>
      <c r="F9" s="117"/>
      <c r="G9" s="117"/>
      <c r="H9" s="117"/>
      <c r="I9" s="117"/>
      <c r="J9" s="117"/>
      <c r="K9" s="117"/>
      <c r="L9" s="117"/>
      <c r="M9" s="117"/>
      <c r="N9" s="117"/>
      <c r="O9" s="117"/>
      <c r="P9" s="117"/>
      <c r="Q9" s="117"/>
      <c r="R9" s="117"/>
      <c r="S9" s="117"/>
      <c r="T9" s="117"/>
      <c r="U9" s="117"/>
      <c r="V9" s="117"/>
      <c r="W9" s="117"/>
      <c r="X9" s="117"/>
      <c r="Y9" s="117"/>
      <c r="Z9" s="117"/>
      <c r="AA9" s="117"/>
      <c r="AB9" s="117"/>
      <c r="AC9" s="117"/>
      <c r="AD9" s="117"/>
      <c r="AE9" s="117"/>
      <c r="AF9" s="268"/>
      <c r="AG9" s="268"/>
      <c r="AH9" s="268"/>
      <c r="AI9" s="268"/>
      <c r="AJ9" s="268"/>
      <c r="AK9" s="268"/>
      <c r="AL9" s="268"/>
      <c r="AM9" s="280"/>
      <c r="AN9" s="119"/>
      <c r="AO9" s="117"/>
      <c r="AP9" s="117"/>
    </row>
    <row r="10" spans="1:66" s="118" customFormat="1" ht="15" customHeight="1">
      <c r="A10" s="117"/>
      <c r="B10" s="117"/>
      <c r="C10" s="117"/>
      <c r="D10" s="117"/>
      <c r="E10" s="117"/>
      <c r="F10" s="117"/>
      <c r="G10" s="117"/>
      <c r="H10" s="117"/>
      <c r="I10" s="117"/>
      <c r="J10" s="117"/>
      <c r="K10" s="117"/>
      <c r="L10" s="117"/>
      <c r="M10" s="117"/>
      <c r="N10" s="117"/>
      <c r="O10" s="117"/>
      <c r="P10" s="117"/>
      <c r="Q10" s="117"/>
      <c r="R10" s="117"/>
      <c r="S10" s="117"/>
      <c r="T10" s="117"/>
      <c r="U10" s="117"/>
      <c r="V10" s="117"/>
      <c r="W10" s="117"/>
      <c r="X10" s="117"/>
      <c r="Y10" s="117"/>
      <c r="Z10" s="117"/>
      <c r="AA10" s="117"/>
      <c r="AB10" s="117"/>
      <c r="AC10" s="120"/>
      <c r="AO10" s="120"/>
      <c r="AP10" s="117"/>
      <c r="AU10" s="267" t="s">
        <v>404</v>
      </c>
      <c r="AV10" s="267"/>
      <c r="AW10" s="267"/>
      <c r="AX10" s="267"/>
      <c r="AY10" s="268"/>
      <c r="AZ10" s="268"/>
      <c r="BA10" s="268"/>
      <c r="BB10" s="267" t="s">
        <v>292</v>
      </c>
      <c r="BC10" s="267"/>
      <c r="BD10" s="269"/>
      <c r="BE10" s="269"/>
      <c r="BF10" s="269"/>
      <c r="BG10" s="269" t="s">
        <v>293</v>
      </c>
      <c r="BH10" s="269"/>
      <c r="BI10" s="269"/>
      <c r="BJ10" s="269"/>
      <c r="BK10" s="269"/>
      <c r="BL10" s="269" t="s">
        <v>294</v>
      </c>
      <c r="BM10" s="269"/>
    </row>
    <row r="11" spans="1:66" s="118" customFormat="1" ht="15" customHeight="1">
      <c r="A11" s="117"/>
      <c r="B11" s="117"/>
      <c r="C11" s="117"/>
      <c r="D11" s="117"/>
      <c r="E11" s="117"/>
      <c r="F11" s="117"/>
      <c r="G11" s="117"/>
      <c r="H11" s="117"/>
      <c r="I11" s="117"/>
      <c r="J11" s="117"/>
      <c r="K11" s="117"/>
      <c r="L11" s="117"/>
      <c r="M11" s="117"/>
      <c r="N11" s="117"/>
      <c r="O11" s="117"/>
      <c r="P11" s="117"/>
      <c r="Q11" s="117"/>
      <c r="R11" s="117"/>
      <c r="S11" s="117"/>
      <c r="T11" s="117"/>
      <c r="U11" s="117"/>
      <c r="V11" s="117"/>
      <c r="W11" s="117"/>
      <c r="X11" s="117"/>
      <c r="Y11" s="117"/>
      <c r="Z11" s="117"/>
      <c r="AA11" s="117"/>
      <c r="AB11" s="117"/>
      <c r="AC11" s="121"/>
      <c r="AO11" s="122"/>
      <c r="AP11" s="117"/>
      <c r="AU11" s="267"/>
      <c r="AV11" s="267"/>
      <c r="AW11" s="267"/>
      <c r="AX11" s="267"/>
      <c r="AY11" s="268"/>
      <c r="AZ11" s="268"/>
      <c r="BA11" s="268"/>
      <c r="BB11" s="267"/>
      <c r="BC11" s="267"/>
      <c r="BD11" s="269"/>
      <c r="BE11" s="269"/>
      <c r="BF11" s="269"/>
      <c r="BG11" s="269"/>
      <c r="BH11" s="269"/>
      <c r="BI11" s="269"/>
      <c r="BJ11" s="269"/>
      <c r="BK11" s="269"/>
      <c r="BL11" s="269"/>
      <c r="BM11" s="269"/>
    </row>
    <row r="12" spans="1:66" s="118" customFormat="1" ht="15" customHeight="1">
      <c r="A12" s="117"/>
      <c r="B12" s="117"/>
      <c r="C12" s="123"/>
      <c r="D12" s="270" t="s">
        <v>301</v>
      </c>
      <c r="E12" s="270"/>
      <c r="F12" s="270"/>
      <c r="G12" s="270"/>
      <c r="H12" s="270"/>
      <c r="I12" s="270"/>
      <c r="J12" s="270"/>
      <c r="K12" s="270"/>
      <c r="L12" s="270"/>
      <c r="M12" s="270"/>
      <c r="N12" s="270"/>
      <c r="O12" s="270"/>
      <c r="P12" s="270"/>
      <c r="Q12" s="270"/>
      <c r="R12" s="270"/>
      <c r="S12" s="270"/>
      <c r="T12" s="270"/>
      <c r="U12" s="270"/>
      <c r="V12" s="270"/>
      <c r="W12" s="270"/>
      <c r="X12" s="270"/>
      <c r="Y12" s="270"/>
      <c r="Z12" s="270"/>
      <c r="AA12" s="270"/>
      <c r="AB12" s="117"/>
      <c r="AC12" s="117"/>
      <c r="AD12" s="117"/>
      <c r="AE12" s="125"/>
      <c r="AF12" s="274"/>
      <c r="AG12" s="275"/>
      <c r="AH12" s="275"/>
      <c r="AI12" s="275"/>
      <c r="AJ12" s="275"/>
      <c r="AK12" s="275"/>
      <c r="AL12" s="275"/>
      <c r="AM12" s="276"/>
      <c r="AN12" s="126"/>
      <c r="AO12" s="126"/>
      <c r="AP12" s="126"/>
    </row>
    <row r="13" spans="1:66" s="118" customFormat="1" ht="15" customHeight="1">
      <c r="A13" s="117"/>
      <c r="B13" s="117"/>
      <c r="C13" s="123"/>
      <c r="D13" s="270"/>
      <c r="E13" s="270"/>
      <c r="F13" s="270"/>
      <c r="G13" s="270"/>
      <c r="H13" s="270"/>
      <c r="I13" s="270"/>
      <c r="J13" s="270"/>
      <c r="K13" s="270"/>
      <c r="L13" s="270"/>
      <c r="M13" s="270"/>
      <c r="N13" s="270"/>
      <c r="O13" s="270"/>
      <c r="P13" s="270"/>
      <c r="Q13" s="270"/>
      <c r="R13" s="270"/>
      <c r="S13" s="270"/>
      <c r="T13" s="270"/>
      <c r="U13" s="270"/>
      <c r="V13" s="270"/>
      <c r="W13" s="270"/>
      <c r="X13" s="270"/>
      <c r="Y13" s="270"/>
      <c r="Z13" s="270"/>
      <c r="AA13" s="270"/>
      <c r="AB13" s="117"/>
      <c r="AC13" s="117"/>
      <c r="AD13" s="117"/>
      <c r="AE13" s="117"/>
      <c r="AF13" s="117"/>
      <c r="AG13" s="117"/>
      <c r="AH13" s="117"/>
      <c r="AI13" s="117"/>
      <c r="AJ13" s="117"/>
      <c r="AK13" s="117"/>
      <c r="AL13" s="117"/>
      <c r="AM13" s="117"/>
      <c r="AN13" s="117"/>
      <c r="AO13" s="117"/>
      <c r="AP13" s="117"/>
    </row>
    <row r="14" spans="1:66" s="118" customFormat="1" ht="15" customHeight="1">
      <c r="A14" s="117"/>
      <c r="B14" s="117"/>
      <c r="C14" s="117"/>
      <c r="D14" s="117"/>
      <c r="E14" s="117"/>
      <c r="F14" s="117"/>
      <c r="G14" s="117"/>
      <c r="H14" s="117"/>
      <c r="I14" s="117"/>
      <c r="J14" s="117"/>
      <c r="K14" s="117"/>
      <c r="L14" s="117"/>
      <c r="M14" s="117"/>
      <c r="N14" s="117"/>
      <c r="O14" s="124"/>
      <c r="P14" s="124"/>
      <c r="Q14" s="124"/>
      <c r="R14" s="124"/>
      <c r="S14" s="124"/>
      <c r="T14" s="124"/>
      <c r="U14" s="127"/>
      <c r="V14" s="127"/>
      <c r="W14" s="127"/>
      <c r="X14" s="127"/>
      <c r="Y14" s="127"/>
      <c r="Z14" s="277"/>
      <c r="AA14" s="267"/>
      <c r="AB14" s="267"/>
      <c r="AC14" s="267"/>
      <c r="AD14" s="267"/>
      <c r="AE14" s="267"/>
      <c r="AF14" s="267"/>
      <c r="AG14" s="267"/>
      <c r="AH14" s="267"/>
      <c r="AI14" s="267"/>
      <c r="AJ14" s="267"/>
      <c r="AK14" s="267"/>
      <c r="AL14" s="267"/>
      <c r="AM14" s="267"/>
      <c r="AN14" s="267"/>
      <c r="AO14" s="267"/>
      <c r="AP14" s="278"/>
    </row>
    <row r="15" spans="1:66" s="118" customFormat="1" ht="15" customHeight="1">
      <c r="A15" s="117"/>
      <c r="B15" s="117"/>
      <c r="C15" s="117"/>
      <c r="D15" s="117"/>
      <c r="E15" s="117"/>
      <c r="F15" s="117"/>
      <c r="G15" s="117"/>
      <c r="H15" s="117"/>
      <c r="I15" s="117"/>
      <c r="J15" s="117"/>
      <c r="K15" s="117"/>
      <c r="L15" s="117"/>
      <c r="M15" s="117"/>
      <c r="N15" s="117"/>
      <c r="O15" s="124"/>
      <c r="P15" s="124"/>
      <c r="Q15" s="124"/>
      <c r="R15" s="124"/>
      <c r="S15" s="124"/>
      <c r="T15" s="124"/>
      <c r="U15" s="273"/>
      <c r="V15" s="273"/>
      <c r="W15" s="273"/>
      <c r="X15" s="273"/>
      <c r="Y15" s="273"/>
      <c r="Z15" s="129"/>
      <c r="AA15" s="129"/>
      <c r="AB15" s="129"/>
      <c r="AC15" s="129"/>
      <c r="AD15" s="129"/>
      <c r="AE15" s="129"/>
      <c r="AF15" s="268" t="s">
        <v>295</v>
      </c>
      <c r="AG15" s="268"/>
      <c r="AH15" s="268"/>
      <c r="AI15" s="268"/>
      <c r="AJ15" s="268"/>
      <c r="AK15" s="268"/>
      <c r="AL15" s="268"/>
      <c r="AM15" s="268"/>
      <c r="AN15" s="272"/>
      <c r="AO15" s="272"/>
      <c r="AP15" s="272"/>
      <c r="AQ15" s="272"/>
      <c r="AR15" s="272"/>
      <c r="AS15" s="272"/>
      <c r="AT15" s="272"/>
      <c r="AU15" s="272"/>
      <c r="AV15" s="272"/>
      <c r="AW15" s="272"/>
      <c r="AX15" s="272"/>
      <c r="AY15" s="272"/>
      <c r="AZ15" s="272"/>
      <c r="BA15" s="272"/>
      <c r="BB15" s="272"/>
      <c r="BC15" s="272"/>
      <c r="BD15" s="272"/>
      <c r="BE15" s="272"/>
      <c r="BF15" s="272"/>
      <c r="BG15" s="272"/>
      <c r="BH15" s="272"/>
      <c r="BI15" s="272"/>
      <c r="BJ15" s="272"/>
      <c r="BK15" s="272"/>
      <c r="BL15" s="272"/>
      <c r="BM15" s="272"/>
      <c r="BN15" s="272"/>
    </row>
    <row r="16" spans="1:66" s="118" customFormat="1" ht="15" customHeight="1">
      <c r="A16" s="117"/>
      <c r="B16" s="117"/>
      <c r="C16" s="117"/>
      <c r="D16" s="117"/>
      <c r="E16" s="117"/>
      <c r="F16" s="117"/>
      <c r="G16" s="117"/>
      <c r="H16" s="117"/>
      <c r="I16" s="117"/>
      <c r="J16" s="117"/>
      <c r="K16" s="117"/>
      <c r="L16" s="117"/>
      <c r="M16" s="117"/>
      <c r="N16" s="117"/>
      <c r="O16" s="124"/>
      <c r="P16" s="124"/>
      <c r="Q16" s="124"/>
      <c r="R16" s="124"/>
      <c r="S16" s="124"/>
      <c r="T16" s="124"/>
      <c r="U16" s="273"/>
      <c r="V16" s="273"/>
      <c r="W16" s="273"/>
      <c r="X16" s="273"/>
      <c r="Y16" s="273"/>
      <c r="Z16" s="129"/>
      <c r="AA16" s="129"/>
      <c r="AB16" s="129"/>
      <c r="AC16" s="129"/>
      <c r="AD16" s="129"/>
      <c r="AE16" s="129"/>
      <c r="AF16" s="268"/>
      <c r="AG16" s="268"/>
      <c r="AH16" s="268"/>
      <c r="AI16" s="268"/>
      <c r="AJ16" s="268"/>
      <c r="AK16" s="268"/>
      <c r="AL16" s="268"/>
      <c r="AM16" s="268"/>
      <c r="AN16" s="272"/>
      <c r="AO16" s="272"/>
      <c r="AP16" s="272"/>
      <c r="AQ16" s="272"/>
      <c r="AR16" s="272"/>
      <c r="AS16" s="272"/>
      <c r="AT16" s="272"/>
      <c r="AU16" s="272"/>
      <c r="AV16" s="272"/>
      <c r="AW16" s="272"/>
      <c r="AX16" s="272"/>
      <c r="AY16" s="272"/>
      <c r="AZ16" s="272"/>
      <c r="BA16" s="272"/>
      <c r="BB16" s="272"/>
      <c r="BC16" s="272"/>
      <c r="BD16" s="272"/>
      <c r="BE16" s="272"/>
      <c r="BF16" s="272"/>
      <c r="BG16" s="272"/>
      <c r="BH16" s="272"/>
      <c r="BI16" s="272"/>
      <c r="BJ16" s="272"/>
      <c r="BK16" s="272"/>
      <c r="BL16" s="272"/>
      <c r="BM16" s="272"/>
      <c r="BN16" s="272"/>
    </row>
    <row r="17" spans="1:66" s="118" customFormat="1" ht="15" customHeight="1">
      <c r="A17" s="117"/>
      <c r="B17" s="117"/>
      <c r="C17" s="117"/>
      <c r="D17" s="117"/>
      <c r="E17" s="117"/>
      <c r="F17" s="117"/>
      <c r="G17" s="117"/>
      <c r="H17" s="117"/>
      <c r="I17" s="117"/>
      <c r="J17" s="117"/>
      <c r="K17" s="117"/>
      <c r="L17" s="117"/>
      <c r="M17" s="117"/>
      <c r="N17" s="117"/>
      <c r="O17" s="124"/>
      <c r="P17" s="124"/>
      <c r="Q17" s="124"/>
      <c r="R17" s="124"/>
      <c r="S17" s="124"/>
      <c r="T17" s="124"/>
      <c r="U17" s="279"/>
      <c r="V17" s="273"/>
      <c r="W17" s="273"/>
      <c r="X17" s="273"/>
      <c r="Y17" s="273"/>
      <c r="AF17" s="271" t="s">
        <v>296</v>
      </c>
      <c r="AG17" s="268"/>
      <c r="AH17" s="268"/>
      <c r="AI17" s="268"/>
      <c r="AJ17" s="268"/>
      <c r="AK17" s="268"/>
      <c r="AL17" s="268"/>
      <c r="AM17" s="268"/>
      <c r="AN17" s="272"/>
      <c r="AO17" s="272"/>
      <c r="AP17" s="272"/>
      <c r="AQ17" s="272"/>
      <c r="AR17" s="272"/>
      <c r="AS17" s="272"/>
      <c r="AT17" s="272"/>
      <c r="AU17" s="272"/>
      <c r="AV17" s="272"/>
      <c r="AW17" s="272"/>
      <c r="AX17" s="272"/>
      <c r="AY17" s="272"/>
      <c r="AZ17" s="272"/>
      <c r="BA17" s="272"/>
      <c r="BB17" s="272"/>
      <c r="BC17" s="272"/>
      <c r="BD17" s="272"/>
      <c r="BE17" s="272"/>
      <c r="BF17" s="272"/>
      <c r="BG17" s="272"/>
      <c r="BH17" s="272"/>
      <c r="BI17" s="272"/>
      <c r="BJ17" s="272" t="s">
        <v>300</v>
      </c>
      <c r="BK17" s="272"/>
      <c r="BL17" s="272"/>
      <c r="BM17" s="272"/>
      <c r="BN17" s="272"/>
    </row>
    <row r="18" spans="1:66" s="118" customFormat="1" ht="15" customHeight="1">
      <c r="A18" s="117"/>
      <c r="B18" s="117"/>
      <c r="C18" s="117"/>
      <c r="D18" s="117"/>
      <c r="E18" s="117"/>
      <c r="F18" s="117"/>
      <c r="G18" s="117"/>
      <c r="H18" s="117"/>
      <c r="I18" s="117"/>
      <c r="J18" s="117"/>
      <c r="K18" s="117"/>
      <c r="L18" s="117"/>
      <c r="M18" s="117"/>
      <c r="N18" s="117"/>
      <c r="O18" s="124"/>
      <c r="P18" s="124"/>
      <c r="Q18" s="124"/>
      <c r="R18" s="124"/>
      <c r="S18" s="124"/>
      <c r="T18" s="124"/>
      <c r="U18" s="273"/>
      <c r="V18" s="273"/>
      <c r="W18" s="273"/>
      <c r="X18" s="273"/>
      <c r="Y18" s="273"/>
      <c r="AF18" s="268"/>
      <c r="AG18" s="268"/>
      <c r="AH18" s="268"/>
      <c r="AI18" s="268"/>
      <c r="AJ18" s="268"/>
      <c r="AK18" s="268"/>
      <c r="AL18" s="268"/>
      <c r="AM18" s="268"/>
      <c r="AN18" s="272"/>
      <c r="AO18" s="272"/>
      <c r="AP18" s="272"/>
      <c r="AQ18" s="272"/>
      <c r="AR18" s="272"/>
      <c r="AS18" s="272"/>
      <c r="AT18" s="272"/>
      <c r="AU18" s="272"/>
      <c r="AV18" s="272"/>
      <c r="AW18" s="272"/>
      <c r="AX18" s="272"/>
      <c r="AY18" s="272"/>
      <c r="AZ18" s="272"/>
      <c r="BA18" s="272"/>
      <c r="BB18" s="272"/>
      <c r="BC18" s="272"/>
      <c r="BD18" s="272"/>
      <c r="BE18" s="272"/>
      <c r="BF18" s="272"/>
      <c r="BG18" s="272"/>
      <c r="BH18" s="272"/>
      <c r="BI18" s="272"/>
      <c r="BJ18" s="272"/>
      <c r="BK18" s="272"/>
      <c r="BL18" s="272"/>
      <c r="BM18" s="272"/>
      <c r="BN18" s="272"/>
    </row>
    <row r="19" spans="1:66" s="118" customFormat="1" ht="15" customHeight="1">
      <c r="A19" s="117"/>
      <c r="B19" s="117"/>
      <c r="C19" s="117"/>
      <c r="D19" s="117"/>
      <c r="E19" s="117"/>
      <c r="F19" s="117"/>
      <c r="G19" s="117"/>
      <c r="H19" s="117"/>
      <c r="I19" s="117"/>
      <c r="J19" s="117"/>
      <c r="K19" s="117"/>
      <c r="L19" s="117"/>
      <c r="M19" s="117"/>
      <c r="N19" s="117"/>
      <c r="O19" s="124"/>
      <c r="P19" s="124"/>
      <c r="Q19" s="124"/>
      <c r="R19" s="124"/>
      <c r="S19" s="124"/>
      <c r="T19" s="124"/>
      <c r="U19" s="273"/>
      <c r="V19" s="273"/>
      <c r="W19" s="273"/>
      <c r="X19" s="273"/>
      <c r="Y19" s="273"/>
      <c r="AF19" s="268" t="s">
        <v>297</v>
      </c>
      <c r="AG19" s="268"/>
      <c r="AH19" s="268"/>
      <c r="AI19" s="268"/>
      <c r="AJ19" s="268"/>
      <c r="AK19" s="268"/>
      <c r="AL19" s="268"/>
      <c r="AM19" s="268"/>
      <c r="AN19" s="272"/>
      <c r="AO19" s="272"/>
      <c r="AP19" s="272"/>
      <c r="AQ19" s="272"/>
      <c r="AR19" s="272"/>
      <c r="AS19" s="272"/>
      <c r="AT19" s="272"/>
      <c r="AU19" s="272"/>
      <c r="AV19" s="272"/>
      <c r="AW19" s="272"/>
      <c r="AX19" s="272"/>
      <c r="AY19" s="272"/>
      <c r="AZ19" s="272"/>
      <c r="BA19" s="272"/>
      <c r="BB19" s="272"/>
      <c r="BC19" s="272"/>
      <c r="BD19" s="272"/>
      <c r="BE19" s="272"/>
      <c r="BF19" s="272"/>
      <c r="BG19" s="272"/>
      <c r="BH19" s="272"/>
      <c r="BI19" s="272"/>
      <c r="BJ19" s="272"/>
      <c r="BK19" s="272"/>
      <c r="BL19" s="272"/>
      <c r="BM19" s="272"/>
      <c r="BN19" s="272"/>
    </row>
    <row r="20" spans="1:66" s="118" customFormat="1" ht="15" customHeight="1">
      <c r="A20" s="117"/>
      <c r="B20" s="117"/>
      <c r="C20" s="117"/>
      <c r="D20" s="117"/>
      <c r="E20" s="117"/>
      <c r="F20" s="117"/>
      <c r="G20" s="117"/>
      <c r="H20" s="117"/>
      <c r="I20" s="117"/>
      <c r="J20" s="117"/>
      <c r="K20" s="117"/>
      <c r="L20" s="117"/>
      <c r="M20" s="117"/>
      <c r="N20" s="117"/>
      <c r="O20" s="124"/>
      <c r="P20" s="124"/>
      <c r="Q20" s="124"/>
      <c r="R20" s="124"/>
      <c r="S20" s="124"/>
      <c r="T20" s="124"/>
      <c r="U20" s="273"/>
      <c r="V20" s="273"/>
      <c r="W20" s="273"/>
      <c r="X20" s="273"/>
      <c r="Y20" s="273"/>
      <c r="AF20" s="268"/>
      <c r="AG20" s="268"/>
      <c r="AH20" s="268"/>
      <c r="AI20" s="268"/>
      <c r="AJ20" s="268"/>
      <c r="AK20" s="268"/>
      <c r="AL20" s="268"/>
      <c r="AM20" s="268"/>
      <c r="AN20" s="272"/>
      <c r="AO20" s="272"/>
      <c r="AP20" s="272"/>
      <c r="AQ20" s="272"/>
      <c r="AR20" s="272"/>
      <c r="AS20" s="272"/>
      <c r="AT20" s="272"/>
      <c r="AU20" s="272"/>
      <c r="AV20" s="272"/>
      <c r="AW20" s="272"/>
      <c r="AX20" s="272"/>
      <c r="AY20" s="272"/>
      <c r="AZ20" s="272"/>
      <c r="BA20" s="272"/>
      <c r="BB20" s="272"/>
      <c r="BC20" s="272"/>
      <c r="BD20" s="272"/>
      <c r="BE20" s="272"/>
      <c r="BF20" s="272"/>
      <c r="BG20" s="272"/>
      <c r="BH20" s="272"/>
      <c r="BI20" s="272"/>
      <c r="BJ20" s="272"/>
      <c r="BK20" s="272"/>
      <c r="BL20" s="272"/>
      <c r="BM20" s="272"/>
      <c r="BN20" s="272"/>
    </row>
    <row r="21" spans="1:66" s="118" customFormat="1" ht="15" customHeight="1">
      <c r="A21" s="117"/>
      <c r="B21" s="117"/>
      <c r="C21" s="117"/>
      <c r="D21" s="117"/>
      <c r="E21" s="117"/>
      <c r="F21" s="117"/>
      <c r="G21" s="117"/>
      <c r="H21" s="117"/>
      <c r="I21" s="117"/>
      <c r="J21" s="117"/>
      <c r="K21" s="117"/>
      <c r="L21" s="117"/>
      <c r="M21" s="117"/>
      <c r="N21" s="117"/>
      <c r="O21" s="117"/>
      <c r="P21" s="117"/>
      <c r="Q21" s="117"/>
      <c r="R21" s="117"/>
      <c r="S21" s="117"/>
      <c r="T21" s="117"/>
      <c r="U21" s="273"/>
      <c r="V21" s="273"/>
      <c r="W21" s="273"/>
      <c r="X21" s="273"/>
      <c r="Y21" s="273"/>
      <c r="AF21" s="268" t="s">
        <v>298</v>
      </c>
      <c r="AG21" s="268"/>
      <c r="AH21" s="268"/>
      <c r="AI21" s="268"/>
      <c r="AJ21" s="268"/>
      <c r="AK21" s="268"/>
      <c r="AL21" s="268"/>
      <c r="AM21" s="268"/>
      <c r="AN21" s="272"/>
      <c r="AO21" s="272"/>
      <c r="AP21" s="272"/>
      <c r="AQ21" s="272"/>
      <c r="AR21" s="272"/>
      <c r="AS21" s="272"/>
      <c r="AT21" s="272"/>
      <c r="AU21" s="272"/>
      <c r="AV21" s="272"/>
      <c r="AW21" s="272"/>
      <c r="AX21" s="272"/>
      <c r="AY21" s="272"/>
      <c r="AZ21" s="272"/>
      <c r="BA21" s="272"/>
      <c r="BB21" s="272"/>
      <c r="BC21" s="272"/>
      <c r="BD21" s="272"/>
      <c r="BE21" s="272"/>
      <c r="BF21" s="272"/>
      <c r="BG21" s="272"/>
      <c r="BH21" s="272"/>
      <c r="BI21" s="272"/>
      <c r="BJ21" s="272"/>
      <c r="BK21" s="272"/>
      <c r="BL21" s="272"/>
      <c r="BM21" s="272"/>
      <c r="BN21" s="272"/>
    </row>
    <row r="22" spans="1:66" s="118" customFormat="1" ht="15" customHeight="1">
      <c r="A22" s="117"/>
      <c r="B22" s="117"/>
      <c r="C22" s="117"/>
      <c r="D22" s="117"/>
      <c r="E22" s="117"/>
      <c r="F22" s="117"/>
      <c r="G22" s="117"/>
      <c r="H22" s="117"/>
      <c r="I22" s="117"/>
      <c r="J22" s="117"/>
      <c r="K22" s="117"/>
      <c r="L22" s="117"/>
      <c r="M22" s="117"/>
      <c r="N22" s="117"/>
      <c r="O22" s="117"/>
      <c r="P22" s="117"/>
      <c r="Q22" s="117"/>
      <c r="R22" s="117"/>
      <c r="S22" s="117"/>
      <c r="T22" s="117"/>
      <c r="U22" s="273"/>
      <c r="V22" s="273"/>
      <c r="W22" s="273"/>
      <c r="X22" s="273"/>
      <c r="Y22" s="273"/>
      <c r="AF22" s="268"/>
      <c r="AG22" s="268"/>
      <c r="AH22" s="268"/>
      <c r="AI22" s="268"/>
      <c r="AJ22" s="268"/>
      <c r="AK22" s="268"/>
      <c r="AL22" s="268"/>
      <c r="AM22" s="268"/>
      <c r="AN22" s="272"/>
      <c r="AO22" s="272"/>
      <c r="AP22" s="272"/>
      <c r="AQ22" s="272"/>
      <c r="AR22" s="272"/>
      <c r="AS22" s="272"/>
      <c r="AT22" s="272"/>
      <c r="AU22" s="272"/>
      <c r="AV22" s="272"/>
      <c r="AW22" s="272"/>
      <c r="AX22" s="272"/>
      <c r="AY22" s="272"/>
      <c r="AZ22" s="272"/>
      <c r="BA22" s="272"/>
      <c r="BB22" s="272"/>
      <c r="BC22" s="272"/>
      <c r="BD22" s="272"/>
      <c r="BE22" s="272"/>
      <c r="BF22" s="272"/>
      <c r="BG22" s="272"/>
      <c r="BH22" s="272"/>
      <c r="BI22" s="272"/>
      <c r="BJ22" s="272"/>
      <c r="BK22" s="272"/>
      <c r="BL22" s="272"/>
      <c r="BM22" s="272"/>
      <c r="BN22" s="272"/>
    </row>
    <row r="23" spans="1:66" s="118" customFormat="1" ht="15" customHeight="1">
      <c r="A23" s="128"/>
      <c r="B23" s="128"/>
      <c r="C23" s="128"/>
      <c r="D23" s="128"/>
      <c r="E23" s="128"/>
      <c r="F23" s="128"/>
      <c r="G23" s="128"/>
      <c r="H23" s="128"/>
      <c r="I23" s="128"/>
      <c r="J23" s="128"/>
      <c r="K23" s="128"/>
      <c r="L23" s="128"/>
      <c r="M23" s="128"/>
      <c r="N23" s="128"/>
      <c r="O23" s="128"/>
      <c r="P23" s="128"/>
      <c r="Q23" s="128"/>
      <c r="R23" s="128"/>
      <c r="S23" s="128"/>
      <c r="T23" s="128"/>
      <c r="U23" s="128"/>
      <c r="V23" s="128"/>
      <c r="W23" s="128"/>
      <c r="X23" s="128"/>
      <c r="Y23" s="128"/>
      <c r="Z23" s="289"/>
      <c r="AA23" s="290"/>
      <c r="AB23" s="290"/>
      <c r="AC23" s="290"/>
      <c r="AD23" s="290"/>
      <c r="AE23" s="290"/>
      <c r="AF23" s="290"/>
      <c r="AG23" s="290"/>
      <c r="AH23" s="290"/>
      <c r="AI23" s="290"/>
      <c r="AJ23" s="290"/>
      <c r="AK23" s="290"/>
      <c r="AL23" s="290"/>
      <c r="AM23" s="290"/>
      <c r="AN23" s="290"/>
      <c r="AO23" s="290"/>
      <c r="AP23" s="291"/>
    </row>
    <row r="24" spans="1:66" s="118" customFormat="1" ht="15" customHeight="1">
      <c r="A24" s="287" t="s">
        <v>389</v>
      </c>
      <c r="B24" s="287"/>
      <c r="C24" s="287"/>
      <c r="D24" s="287"/>
      <c r="E24" s="287"/>
      <c r="F24" s="287"/>
      <c r="G24" s="287"/>
      <c r="H24" s="287"/>
      <c r="I24" s="287"/>
      <c r="J24" s="287"/>
      <c r="K24" s="287"/>
      <c r="L24" s="287"/>
      <c r="M24" s="287"/>
      <c r="N24" s="287"/>
      <c r="O24" s="287"/>
      <c r="P24" s="287"/>
      <c r="Q24" s="287"/>
      <c r="R24" s="287"/>
      <c r="S24" s="287"/>
      <c r="T24" s="287"/>
      <c r="U24" s="287"/>
      <c r="V24" s="287"/>
      <c r="W24" s="287"/>
      <c r="X24" s="287"/>
      <c r="Y24" s="287"/>
      <c r="Z24" s="287"/>
      <c r="AA24" s="287"/>
      <c r="AB24" s="287"/>
      <c r="AC24" s="287"/>
      <c r="AD24" s="287"/>
      <c r="AE24" s="287"/>
      <c r="AF24" s="287"/>
      <c r="AG24" s="287"/>
      <c r="AH24" s="287"/>
      <c r="AI24" s="287"/>
      <c r="AJ24" s="287"/>
      <c r="AK24" s="287"/>
      <c r="AL24" s="287"/>
      <c r="AM24" s="287"/>
      <c r="AN24" s="287"/>
      <c r="AO24" s="287"/>
      <c r="AP24" s="287"/>
      <c r="AQ24" s="287"/>
      <c r="AR24" s="287"/>
      <c r="AS24" s="287"/>
      <c r="AT24" s="287"/>
      <c r="AU24" s="287"/>
      <c r="AV24" s="287"/>
      <c r="AW24" s="287"/>
      <c r="AX24" s="287"/>
      <c r="AY24" s="287"/>
      <c r="AZ24" s="287"/>
      <c r="BA24" s="287"/>
      <c r="BB24" s="287"/>
      <c r="BC24" s="287"/>
      <c r="BD24" s="287"/>
      <c r="BE24" s="287"/>
      <c r="BF24" s="287"/>
      <c r="BG24" s="287"/>
      <c r="BH24" s="287"/>
      <c r="BI24" s="287"/>
      <c r="BJ24" s="287"/>
      <c r="BK24" s="287"/>
      <c r="BL24" s="287"/>
      <c r="BM24" s="287"/>
      <c r="BN24" s="287"/>
    </row>
    <row r="25" spans="1:66" s="118" customFormat="1" ht="15" customHeight="1">
      <c r="A25" s="287"/>
      <c r="B25" s="287"/>
      <c r="C25" s="287"/>
      <c r="D25" s="287"/>
      <c r="E25" s="287"/>
      <c r="F25" s="287"/>
      <c r="G25" s="287"/>
      <c r="H25" s="287"/>
      <c r="I25" s="287"/>
      <c r="J25" s="287"/>
      <c r="K25" s="287"/>
      <c r="L25" s="287"/>
      <c r="M25" s="287"/>
      <c r="N25" s="287"/>
      <c r="O25" s="287"/>
      <c r="P25" s="287"/>
      <c r="Q25" s="287"/>
      <c r="R25" s="287"/>
      <c r="S25" s="287"/>
      <c r="T25" s="287"/>
      <c r="U25" s="287"/>
      <c r="V25" s="287"/>
      <c r="W25" s="287"/>
      <c r="X25" s="287"/>
      <c r="Y25" s="287"/>
      <c r="Z25" s="287"/>
      <c r="AA25" s="287"/>
      <c r="AB25" s="287"/>
      <c r="AC25" s="287"/>
      <c r="AD25" s="287"/>
      <c r="AE25" s="287"/>
      <c r="AF25" s="287"/>
      <c r="AG25" s="287"/>
      <c r="AH25" s="287"/>
      <c r="AI25" s="287"/>
      <c r="AJ25" s="287"/>
      <c r="AK25" s="287"/>
      <c r="AL25" s="287"/>
      <c r="AM25" s="287"/>
      <c r="AN25" s="287"/>
      <c r="AO25" s="287"/>
      <c r="AP25" s="287"/>
      <c r="AQ25" s="287"/>
      <c r="AR25" s="287"/>
      <c r="AS25" s="287"/>
      <c r="AT25" s="287"/>
      <c r="AU25" s="287"/>
      <c r="AV25" s="287"/>
      <c r="AW25" s="287"/>
      <c r="AX25" s="287"/>
      <c r="AY25" s="287"/>
      <c r="AZ25" s="287"/>
      <c r="BA25" s="287"/>
      <c r="BB25" s="287"/>
      <c r="BC25" s="287"/>
      <c r="BD25" s="287"/>
      <c r="BE25" s="287"/>
      <c r="BF25" s="287"/>
      <c r="BG25" s="287"/>
      <c r="BH25" s="287"/>
      <c r="BI25" s="287"/>
      <c r="BJ25" s="287"/>
      <c r="BK25" s="287"/>
      <c r="BL25" s="287"/>
      <c r="BM25" s="287"/>
      <c r="BN25" s="287"/>
    </row>
    <row r="26" spans="1:66" s="118" customFormat="1" ht="15" customHeight="1">
      <c r="A26" s="288" t="s">
        <v>390</v>
      </c>
      <c r="B26" s="288"/>
      <c r="C26" s="288"/>
      <c r="D26" s="288"/>
      <c r="E26" s="288"/>
      <c r="F26" s="288"/>
      <c r="G26" s="288"/>
      <c r="H26" s="288"/>
      <c r="I26" s="288"/>
      <c r="J26" s="288"/>
      <c r="K26" s="288"/>
      <c r="L26" s="288"/>
      <c r="M26" s="288"/>
      <c r="N26" s="288"/>
      <c r="O26" s="288"/>
      <c r="P26" s="288"/>
      <c r="Q26" s="288"/>
      <c r="R26" s="288"/>
      <c r="S26" s="288"/>
      <c r="T26" s="288"/>
      <c r="U26" s="288"/>
      <c r="V26" s="288"/>
      <c r="W26" s="288"/>
      <c r="X26" s="288"/>
      <c r="Y26" s="288"/>
      <c r="Z26" s="288"/>
      <c r="AA26" s="288"/>
      <c r="AB26" s="288"/>
      <c r="AC26" s="288"/>
      <c r="AD26" s="288"/>
      <c r="AE26" s="288"/>
      <c r="AF26" s="288"/>
      <c r="AG26" s="288"/>
      <c r="AH26" s="288"/>
      <c r="AI26" s="288"/>
      <c r="AJ26" s="288"/>
      <c r="AK26" s="288"/>
      <c r="AL26" s="288"/>
      <c r="AM26" s="288"/>
      <c r="AN26" s="288"/>
      <c r="AO26" s="288"/>
      <c r="AP26" s="288"/>
      <c r="AQ26" s="288"/>
      <c r="AR26" s="288"/>
      <c r="AS26" s="288"/>
      <c r="AT26" s="288"/>
      <c r="AU26" s="288"/>
      <c r="AV26" s="288"/>
      <c r="AW26" s="288"/>
      <c r="AX26" s="288"/>
      <c r="AY26" s="288"/>
      <c r="AZ26" s="288"/>
      <c r="BA26" s="288"/>
      <c r="BB26" s="288"/>
      <c r="BC26" s="288"/>
      <c r="BD26" s="288"/>
      <c r="BE26" s="288"/>
      <c r="BF26" s="288"/>
      <c r="BG26" s="288"/>
      <c r="BH26" s="288"/>
      <c r="BI26" s="288"/>
      <c r="BJ26" s="288"/>
      <c r="BK26" s="288"/>
      <c r="BL26" s="288"/>
      <c r="BM26" s="288"/>
      <c r="BN26" s="288"/>
    </row>
    <row r="27" spans="1:66" s="118" customFormat="1" ht="15" customHeight="1">
      <c r="A27" s="288"/>
      <c r="B27" s="288"/>
      <c r="C27" s="288"/>
      <c r="D27" s="288"/>
      <c r="E27" s="288"/>
      <c r="F27" s="288"/>
      <c r="G27" s="288"/>
      <c r="H27" s="288"/>
      <c r="I27" s="288"/>
      <c r="J27" s="288"/>
      <c r="K27" s="288"/>
      <c r="L27" s="288"/>
      <c r="M27" s="288"/>
      <c r="N27" s="288"/>
      <c r="O27" s="288"/>
      <c r="P27" s="288"/>
      <c r="Q27" s="288"/>
      <c r="R27" s="288"/>
      <c r="S27" s="288"/>
      <c r="T27" s="288"/>
      <c r="U27" s="288"/>
      <c r="V27" s="288"/>
      <c r="W27" s="288"/>
      <c r="X27" s="288"/>
      <c r="Y27" s="288"/>
      <c r="Z27" s="288"/>
      <c r="AA27" s="288"/>
      <c r="AB27" s="288"/>
      <c r="AC27" s="288"/>
      <c r="AD27" s="288"/>
      <c r="AE27" s="288"/>
      <c r="AF27" s="288"/>
      <c r="AG27" s="288"/>
      <c r="AH27" s="288"/>
      <c r="AI27" s="288"/>
      <c r="AJ27" s="288"/>
      <c r="AK27" s="288"/>
      <c r="AL27" s="288"/>
      <c r="AM27" s="288"/>
      <c r="AN27" s="288"/>
      <c r="AO27" s="288"/>
      <c r="AP27" s="288"/>
      <c r="AQ27" s="288"/>
      <c r="AR27" s="288"/>
      <c r="AS27" s="288"/>
      <c r="AT27" s="288"/>
      <c r="AU27" s="288"/>
      <c r="AV27" s="288"/>
      <c r="AW27" s="288"/>
      <c r="AX27" s="288"/>
      <c r="AY27" s="288"/>
      <c r="AZ27" s="288"/>
      <c r="BA27" s="288"/>
      <c r="BB27" s="288"/>
      <c r="BC27" s="288"/>
      <c r="BD27" s="288"/>
      <c r="BE27" s="288"/>
      <c r="BF27" s="288"/>
      <c r="BG27" s="288"/>
      <c r="BH27" s="288"/>
      <c r="BI27" s="288"/>
      <c r="BJ27" s="288"/>
      <c r="BK27" s="288"/>
      <c r="BL27" s="288"/>
      <c r="BM27" s="288"/>
      <c r="BN27" s="288"/>
    </row>
    <row r="28" spans="1:66" s="118" customFormat="1" ht="15" customHeight="1">
      <c r="A28" s="117"/>
      <c r="B28" s="117"/>
      <c r="C28" s="117"/>
      <c r="D28" s="117"/>
      <c r="E28" s="117"/>
      <c r="F28" s="117"/>
      <c r="G28" s="117"/>
      <c r="H28" s="117"/>
      <c r="I28" s="117"/>
      <c r="J28" s="117"/>
      <c r="K28" s="117"/>
      <c r="L28" s="117"/>
      <c r="M28" s="117"/>
      <c r="N28" s="117"/>
      <c r="O28" s="117"/>
      <c r="P28" s="117"/>
      <c r="Q28" s="117"/>
      <c r="R28" s="117"/>
      <c r="S28" s="117"/>
      <c r="T28" s="117"/>
      <c r="U28" s="117"/>
      <c r="V28" s="117"/>
      <c r="W28" s="117"/>
      <c r="X28" s="117"/>
      <c r="Y28" s="117"/>
      <c r="Z28" s="117"/>
      <c r="AA28" s="117"/>
      <c r="AB28" s="117"/>
      <c r="AC28" s="117"/>
      <c r="AD28" s="117"/>
      <c r="AE28" s="117"/>
      <c r="AF28" s="117"/>
      <c r="AG28" s="117"/>
      <c r="AH28" s="117"/>
      <c r="AI28" s="117"/>
      <c r="AJ28" s="117"/>
      <c r="AK28" s="117"/>
      <c r="AL28" s="117"/>
      <c r="AM28" s="117"/>
      <c r="AN28" s="117"/>
      <c r="AO28" s="117"/>
      <c r="AP28" s="117"/>
    </row>
    <row r="29" spans="1:66" s="118" customFormat="1" ht="15" customHeight="1">
      <c r="A29" s="117"/>
      <c r="B29" s="117"/>
      <c r="C29" s="117"/>
      <c r="D29" s="117"/>
      <c r="E29" s="117"/>
      <c r="F29" s="117"/>
      <c r="G29" s="117"/>
      <c r="H29" s="117"/>
      <c r="I29" s="117"/>
      <c r="J29" s="117"/>
      <c r="K29" s="117"/>
      <c r="L29" s="117"/>
      <c r="M29" s="117"/>
      <c r="N29" s="117"/>
      <c r="O29" s="117"/>
      <c r="P29" s="117"/>
      <c r="Q29" s="117"/>
      <c r="R29" s="117"/>
      <c r="S29" s="117"/>
      <c r="T29" s="117"/>
      <c r="U29" s="117"/>
      <c r="V29" s="117"/>
      <c r="W29" s="117"/>
      <c r="X29" s="117"/>
      <c r="Y29" s="117"/>
      <c r="Z29" s="117"/>
      <c r="AA29" s="117"/>
      <c r="AB29" s="117"/>
      <c r="AC29" s="117"/>
      <c r="AD29" s="117"/>
      <c r="AE29" s="117"/>
      <c r="AF29" s="117"/>
      <c r="AG29" s="117"/>
      <c r="AH29" s="117"/>
      <c r="AI29" s="117"/>
      <c r="AJ29" s="117"/>
      <c r="AK29" s="117"/>
      <c r="AL29" s="117"/>
      <c r="AM29" s="117"/>
      <c r="AN29" s="117"/>
      <c r="AO29" s="117"/>
      <c r="AP29" s="117"/>
    </row>
    <row r="30" spans="1:66" s="118" customFormat="1" ht="15" customHeight="1">
      <c r="A30" s="117"/>
      <c r="B30" s="117"/>
      <c r="C30" s="117"/>
      <c r="D30" s="117"/>
      <c r="E30" s="117"/>
      <c r="F30" s="117"/>
      <c r="G30" s="117"/>
      <c r="H30" s="117"/>
      <c r="I30" s="117"/>
      <c r="J30" s="117"/>
      <c r="K30" s="117"/>
      <c r="L30" s="117"/>
      <c r="M30" s="117"/>
      <c r="N30" s="117"/>
      <c r="O30" s="117"/>
      <c r="P30" s="117"/>
      <c r="Q30" s="117"/>
      <c r="R30" s="117"/>
      <c r="S30" s="117"/>
      <c r="T30" s="117"/>
      <c r="U30" s="117"/>
      <c r="V30" s="117"/>
      <c r="W30" s="117"/>
      <c r="X30" s="117"/>
      <c r="Y30" s="117"/>
      <c r="Z30" s="117"/>
      <c r="AA30" s="117"/>
      <c r="AB30" s="117"/>
      <c r="AC30" s="117"/>
      <c r="AD30" s="117"/>
      <c r="AE30" s="117"/>
      <c r="AF30" s="117"/>
      <c r="AG30" s="117"/>
      <c r="AH30" s="117"/>
      <c r="AI30" s="117"/>
      <c r="AJ30" s="117"/>
      <c r="AK30" s="117"/>
      <c r="AL30" s="117"/>
      <c r="AM30" s="117"/>
      <c r="AN30" s="117"/>
      <c r="AO30" s="117"/>
      <c r="AP30" s="117"/>
    </row>
    <row r="31" spans="1:66" s="118" customFormat="1" ht="15" customHeight="1">
      <c r="A31" s="117"/>
      <c r="B31" s="117"/>
      <c r="C31" s="117"/>
      <c r="D31" s="117"/>
      <c r="E31" s="117"/>
      <c r="F31" s="117"/>
      <c r="G31" s="117"/>
      <c r="H31" s="117"/>
      <c r="I31" s="117"/>
      <c r="J31" s="117"/>
      <c r="K31" s="117"/>
      <c r="L31" s="117"/>
      <c r="M31" s="117"/>
      <c r="N31" s="117"/>
      <c r="O31" s="117"/>
      <c r="P31" s="117"/>
      <c r="Q31" s="117"/>
      <c r="R31" s="117"/>
      <c r="S31" s="117"/>
      <c r="T31" s="117"/>
      <c r="U31" s="117"/>
      <c r="V31" s="117"/>
      <c r="W31" s="117"/>
      <c r="X31" s="117"/>
      <c r="Y31" s="117"/>
      <c r="Z31" s="117"/>
      <c r="AA31" s="117"/>
      <c r="AB31" s="117"/>
      <c r="AC31" s="117"/>
      <c r="AD31" s="117"/>
      <c r="AE31" s="117"/>
      <c r="AF31" s="117"/>
      <c r="AG31" s="117"/>
      <c r="AH31" s="117"/>
      <c r="AI31" s="117"/>
      <c r="AJ31" s="117"/>
      <c r="AK31" s="117"/>
      <c r="AL31" s="117"/>
      <c r="AM31" s="117"/>
      <c r="AN31" s="117"/>
      <c r="AO31" s="117"/>
      <c r="AP31" s="117"/>
    </row>
    <row r="32" spans="1:66" s="118" customFormat="1" ht="15" customHeight="1">
      <c r="A32" s="117"/>
      <c r="B32" s="117"/>
      <c r="C32" s="117"/>
      <c r="D32" s="117"/>
      <c r="E32" s="117"/>
      <c r="F32" s="117"/>
      <c r="G32" s="117"/>
      <c r="H32" s="286" t="s">
        <v>299</v>
      </c>
      <c r="I32" s="286"/>
      <c r="J32" s="286"/>
      <c r="K32" s="286"/>
      <c r="L32" s="286"/>
      <c r="M32" s="286"/>
      <c r="N32" s="286"/>
      <c r="O32" s="286"/>
      <c r="P32" s="286"/>
      <c r="Q32" s="286"/>
      <c r="R32" s="286"/>
      <c r="S32" s="286"/>
      <c r="T32" s="286"/>
      <c r="U32" s="286"/>
      <c r="V32" s="286"/>
      <c r="W32" s="286"/>
      <c r="X32" s="286"/>
      <c r="Y32" s="286"/>
      <c r="Z32" s="286"/>
      <c r="AA32" s="286"/>
      <c r="AB32" s="286"/>
      <c r="AC32" s="286"/>
      <c r="AD32" s="286"/>
      <c r="AE32" s="286"/>
      <c r="AF32" s="286"/>
      <c r="AG32" s="286"/>
      <c r="AH32" s="286"/>
      <c r="AI32" s="286"/>
      <c r="AJ32" s="286"/>
      <c r="AK32" s="117"/>
      <c r="AL32" s="117"/>
      <c r="AM32" s="117"/>
      <c r="AN32" s="117"/>
      <c r="AO32" s="117"/>
      <c r="AP32" s="117"/>
    </row>
    <row r="33" spans="1:60" s="118" customFormat="1" ht="15" customHeight="1">
      <c r="A33" s="117"/>
      <c r="B33" s="117"/>
      <c r="C33" s="117"/>
      <c r="D33" s="117"/>
      <c r="E33" s="117"/>
      <c r="F33" s="117"/>
      <c r="G33" s="117"/>
      <c r="H33" s="286"/>
      <c r="I33" s="286"/>
      <c r="J33" s="286"/>
      <c r="K33" s="286"/>
      <c r="L33" s="286"/>
      <c r="M33" s="286"/>
      <c r="N33" s="286"/>
      <c r="O33" s="286"/>
      <c r="P33" s="286"/>
      <c r="Q33" s="286"/>
      <c r="R33" s="286"/>
      <c r="S33" s="286"/>
      <c r="T33" s="286"/>
      <c r="U33" s="286"/>
      <c r="V33" s="286"/>
      <c r="W33" s="286"/>
      <c r="X33" s="286"/>
      <c r="Y33" s="286"/>
      <c r="Z33" s="286"/>
      <c r="AA33" s="286"/>
      <c r="AB33" s="286"/>
      <c r="AC33" s="286"/>
      <c r="AD33" s="286"/>
      <c r="AE33" s="286"/>
      <c r="AF33" s="286"/>
      <c r="AG33" s="286"/>
      <c r="AH33" s="286"/>
      <c r="AI33" s="286"/>
      <c r="AJ33" s="286"/>
      <c r="AK33" s="117"/>
      <c r="AL33" s="117"/>
      <c r="AM33" s="117"/>
      <c r="AN33" s="117"/>
      <c r="AO33" s="117"/>
      <c r="AP33" s="117"/>
    </row>
    <row r="34" spans="1:60" s="118" customFormat="1" ht="18" customHeight="1">
      <c r="A34" s="117"/>
      <c r="B34" s="117"/>
      <c r="C34" s="117"/>
      <c r="D34" s="117"/>
      <c r="F34" s="117"/>
      <c r="G34" s="117"/>
      <c r="H34" s="286" t="s">
        <v>393</v>
      </c>
      <c r="I34" s="286"/>
      <c r="J34" s="286"/>
      <c r="K34" s="286"/>
      <c r="L34" s="286"/>
      <c r="M34" s="286"/>
      <c r="N34" s="286"/>
      <c r="O34" s="286"/>
      <c r="P34" s="286"/>
      <c r="Q34" s="286"/>
      <c r="R34" s="286"/>
      <c r="S34" s="286"/>
      <c r="T34" s="286"/>
      <c r="U34" s="286"/>
      <c r="V34" s="286"/>
      <c r="W34" s="286"/>
      <c r="X34" s="286"/>
      <c r="Y34" s="286"/>
      <c r="Z34" s="286"/>
      <c r="AA34" s="286"/>
      <c r="AB34" s="286"/>
      <c r="AC34" s="286"/>
      <c r="AD34" s="286"/>
      <c r="AE34" s="286"/>
      <c r="AF34" s="286"/>
      <c r="AG34" s="286"/>
      <c r="AH34" s="286"/>
      <c r="AI34" s="286"/>
      <c r="AJ34" s="286"/>
      <c r="AK34" s="286"/>
      <c r="AL34" s="286"/>
      <c r="AM34" s="286"/>
      <c r="AN34" s="286"/>
      <c r="AO34" s="286"/>
      <c r="AP34" s="286"/>
      <c r="AQ34" s="286"/>
      <c r="AR34" s="286"/>
      <c r="AS34" s="286"/>
      <c r="AT34" s="286"/>
      <c r="AU34" s="286"/>
      <c r="AV34" s="286"/>
      <c r="AW34" s="286"/>
      <c r="AX34" s="286"/>
      <c r="AY34" s="286"/>
      <c r="AZ34" s="286"/>
      <c r="BA34" s="286"/>
      <c r="BB34" s="286"/>
      <c r="BC34" s="286"/>
      <c r="BD34" s="286"/>
      <c r="BE34" s="286"/>
      <c r="BF34" s="286"/>
      <c r="BG34" s="286"/>
    </row>
    <row r="35" spans="1:60" s="118" customFormat="1" ht="18" customHeight="1">
      <c r="A35" s="117"/>
      <c r="B35" s="117"/>
      <c r="C35" s="117"/>
      <c r="D35" s="117"/>
      <c r="F35" s="117"/>
      <c r="G35" s="117"/>
      <c r="H35" s="295" t="s">
        <v>392</v>
      </c>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295"/>
      <c r="AL35" s="295"/>
      <c r="AM35" s="295"/>
      <c r="AN35" s="295"/>
      <c r="AO35" s="295"/>
      <c r="AP35" s="295"/>
      <c r="AQ35" s="295"/>
      <c r="AR35" s="295"/>
      <c r="AS35" s="295"/>
      <c r="AT35" s="295"/>
      <c r="AU35" s="295"/>
      <c r="AV35" s="295"/>
      <c r="AW35" s="295"/>
      <c r="AX35" s="295"/>
      <c r="AY35" s="295"/>
      <c r="AZ35" s="295"/>
      <c r="BA35" s="295"/>
      <c r="BB35" s="295"/>
      <c r="BC35" s="295"/>
      <c r="BD35" s="295"/>
      <c r="BE35" s="295"/>
      <c r="BF35" s="295"/>
      <c r="BG35" s="295"/>
    </row>
    <row r="36" spans="1:60" s="118" customFormat="1" ht="18" customHeight="1">
      <c r="A36" s="117"/>
      <c r="B36" s="117"/>
      <c r="C36" s="117"/>
      <c r="D36" s="117"/>
      <c r="F36" s="117"/>
      <c r="G36" s="117"/>
      <c r="H36" s="295" t="s">
        <v>394</v>
      </c>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295"/>
      <c r="AL36" s="295"/>
      <c r="AM36" s="295"/>
      <c r="AN36" s="295"/>
      <c r="AO36" s="295"/>
      <c r="AP36" s="295"/>
      <c r="AQ36" s="295"/>
      <c r="AR36" s="295"/>
      <c r="AS36" s="295"/>
      <c r="AT36" s="295"/>
      <c r="AU36" s="295"/>
      <c r="AV36" s="295"/>
      <c r="AW36" s="295"/>
      <c r="AX36" s="295"/>
      <c r="AY36" s="295"/>
      <c r="AZ36" s="295"/>
      <c r="BA36" s="295"/>
      <c r="BB36" s="295"/>
      <c r="BC36" s="295"/>
      <c r="BD36" s="295"/>
      <c r="BE36" s="295"/>
      <c r="BF36" s="295"/>
      <c r="BG36" s="295"/>
    </row>
    <row r="37" spans="1:60" s="118" customFormat="1" ht="18" customHeight="1">
      <c r="A37" s="117"/>
      <c r="B37" s="117"/>
      <c r="C37" s="117"/>
      <c r="D37" s="117"/>
      <c r="F37" s="117"/>
      <c r="G37" s="117"/>
      <c r="H37" s="295" t="s">
        <v>395</v>
      </c>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295"/>
      <c r="AL37" s="295"/>
      <c r="AM37" s="295"/>
      <c r="AN37" s="295"/>
      <c r="AO37" s="295"/>
      <c r="AP37" s="295"/>
      <c r="AQ37" s="295"/>
      <c r="AR37" s="295"/>
      <c r="AS37" s="295"/>
      <c r="AT37" s="295"/>
      <c r="AU37" s="295"/>
      <c r="AV37" s="295"/>
      <c r="AW37" s="295"/>
      <c r="AX37" s="295"/>
      <c r="AY37" s="295"/>
      <c r="AZ37" s="295"/>
      <c r="BA37" s="295"/>
      <c r="BB37" s="295"/>
      <c r="BC37" s="295"/>
      <c r="BD37" s="295"/>
      <c r="BE37" s="295"/>
      <c r="BF37" s="295"/>
      <c r="BG37" s="295"/>
      <c r="BH37" s="295"/>
    </row>
    <row r="38" spans="1:60" s="118" customFormat="1" ht="18" customHeight="1">
      <c r="A38" s="117"/>
      <c r="B38" s="117"/>
      <c r="C38" s="117"/>
      <c r="D38" s="117"/>
      <c r="F38" s="117"/>
      <c r="G38" s="117"/>
      <c r="H38" s="117" t="s">
        <v>396</v>
      </c>
      <c r="I38" s="117"/>
      <c r="J38" s="117"/>
      <c r="K38" s="117"/>
      <c r="L38" s="117"/>
      <c r="M38" s="117"/>
      <c r="N38" s="117"/>
      <c r="O38" s="117"/>
      <c r="P38" s="117"/>
      <c r="Q38" s="117"/>
      <c r="R38" s="117"/>
      <c r="S38" s="117"/>
      <c r="T38" s="117"/>
      <c r="U38" s="117"/>
      <c r="V38" s="117"/>
      <c r="W38" s="117"/>
      <c r="X38" s="117"/>
      <c r="Y38" s="117"/>
      <c r="Z38" s="117"/>
      <c r="AA38" s="117"/>
      <c r="AB38" s="117"/>
      <c r="AC38" s="117"/>
      <c r="AD38" s="117"/>
      <c r="AE38" s="117"/>
      <c r="AF38" s="117"/>
      <c r="AG38" s="117"/>
      <c r="AH38" s="117"/>
      <c r="AI38" s="117"/>
      <c r="AJ38" s="117"/>
      <c r="AK38" s="117"/>
      <c r="AL38" s="117"/>
      <c r="AM38" s="117"/>
      <c r="AN38" s="117"/>
      <c r="AO38" s="117"/>
      <c r="AP38" s="117"/>
    </row>
    <row r="39" spans="1:60" s="118" customFormat="1" ht="18" customHeight="1">
      <c r="A39" s="117"/>
      <c r="B39" s="117"/>
      <c r="C39" s="117"/>
      <c r="D39" s="117"/>
      <c r="F39" s="117"/>
      <c r="G39" s="117"/>
      <c r="H39" s="117" t="s">
        <v>397</v>
      </c>
      <c r="I39" s="117"/>
      <c r="J39" s="117"/>
      <c r="K39" s="117"/>
      <c r="L39" s="117"/>
      <c r="M39" s="117"/>
      <c r="N39" s="117"/>
      <c r="O39" s="117"/>
      <c r="P39" s="117"/>
      <c r="Q39" s="117"/>
      <c r="R39" s="117"/>
      <c r="S39" s="117"/>
      <c r="T39" s="117"/>
      <c r="U39" s="117"/>
      <c r="V39" s="117"/>
      <c r="W39" s="117"/>
      <c r="X39" s="117"/>
      <c r="Y39" s="117"/>
      <c r="Z39" s="117"/>
      <c r="AA39" s="117"/>
      <c r="AB39" s="117"/>
      <c r="AC39" s="117"/>
      <c r="AD39" s="117"/>
      <c r="AE39" s="117"/>
      <c r="AF39" s="117"/>
      <c r="AG39" s="117"/>
      <c r="AH39" s="117"/>
      <c r="AI39" s="117"/>
      <c r="AJ39" s="117"/>
      <c r="AK39" s="117"/>
      <c r="AL39" s="117"/>
      <c r="AM39" s="117"/>
      <c r="AN39" s="117"/>
      <c r="AO39" s="117"/>
      <c r="AP39" s="117"/>
    </row>
    <row r="40" spans="1:60" s="118" customFormat="1" ht="18" customHeight="1">
      <c r="A40" s="117"/>
      <c r="B40" s="117"/>
      <c r="C40" s="117"/>
      <c r="D40" s="117"/>
      <c r="F40" s="117"/>
      <c r="G40" s="117"/>
      <c r="H40" s="117" t="s">
        <v>398</v>
      </c>
      <c r="I40" s="117"/>
      <c r="J40" s="117"/>
      <c r="K40" s="117"/>
      <c r="L40" s="117"/>
      <c r="M40" s="117"/>
      <c r="N40" s="117"/>
      <c r="O40" s="117"/>
      <c r="P40" s="117"/>
      <c r="Q40" s="117"/>
      <c r="R40" s="117"/>
      <c r="S40" s="117"/>
      <c r="T40" s="117"/>
      <c r="U40" s="117"/>
      <c r="V40" s="117"/>
      <c r="W40" s="117"/>
      <c r="X40" s="117"/>
      <c r="Y40" s="117"/>
      <c r="Z40" s="117"/>
      <c r="AA40" s="117"/>
      <c r="AB40" s="117"/>
      <c r="AC40" s="117"/>
      <c r="AD40" s="117"/>
      <c r="AE40" s="117"/>
      <c r="AF40" s="117"/>
      <c r="AG40" s="117"/>
      <c r="AH40" s="117"/>
      <c r="AI40" s="117"/>
      <c r="AJ40" s="117"/>
      <c r="AK40" s="117"/>
      <c r="AL40" s="117"/>
      <c r="AM40" s="117"/>
      <c r="AN40" s="117"/>
      <c r="AO40" s="117"/>
      <c r="AP40" s="117"/>
    </row>
    <row r="41" spans="1:60" s="118" customFormat="1" ht="18" customHeight="1">
      <c r="A41" s="117"/>
      <c r="B41" s="117"/>
      <c r="C41" s="117"/>
      <c r="D41" s="117"/>
      <c r="F41" s="117"/>
      <c r="G41" s="117"/>
      <c r="H41" s="117" t="s">
        <v>399</v>
      </c>
      <c r="I41" s="117"/>
      <c r="J41" s="117"/>
      <c r="K41" s="117"/>
      <c r="L41" s="117"/>
      <c r="M41" s="117"/>
      <c r="N41" s="117"/>
      <c r="O41" s="117"/>
      <c r="P41" s="117"/>
      <c r="Q41" s="117"/>
      <c r="R41" s="117"/>
      <c r="S41" s="117"/>
      <c r="T41" s="117"/>
      <c r="U41" s="117"/>
      <c r="V41" s="117"/>
      <c r="W41" s="117"/>
      <c r="X41" s="117"/>
      <c r="Y41" s="117"/>
      <c r="Z41" s="117"/>
      <c r="AA41" s="117"/>
      <c r="AB41" s="117"/>
      <c r="AC41" s="117"/>
      <c r="AD41" s="117"/>
      <c r="AE41" s="117"/>
      <c r="AF41" s="117"/>
      <c r="AG41" s="117"/>
      <c r="AH41" s="117"/>
      <c r="AI41" s="117"/>
      <c r="AJ41" s="117"/>
      <c r="AK41" s="117"/>
      <c r="AL41" s="117"/>
      <c r="AM41" s="117"/>
      <c r="AN41" s="117"/>
      <c r="AO41" s="117"/>
      <c r="AP41" s="117"/>
    </row>
    <row r="42" spans="1:60" s="118" customFormat="1" ht="15" customHeight="1">
      <c r="A42" s="117"/>
      <c r="B42" s="117"/>
      <c r="C42" s="117"/>
      <c r="D42" s="117"/>
      <c r="E42" s="117"/>
      <c r="F42" s="117"/>
      <c r="G42" s="117"/>
      <c r="H42" s="204" t="s">
        <v>400</v>
      </c>
      <c r="I42" s="117"/>
      <c r="J42" s="117"/>
      <c r="K42" s="117"/>
      <c r="L42" s="117"/>
      <c r="M42" s="117"/>
      <c r="N42" s="117"/>
      <c r="O42" s="117"/>
      <c r="P42" s="117"/>
      <c r="Q42" s="117"/>
      <c r="R42" s="117"/>
      <c r="S42" s="117"/>
      <c r="T42" s="117"/>
      <c r="U42" s="117"/>
      <c r="V42" s="117"/>
      <c r="W42" s="117"/>
      <c r="X42" s="117"/>
      <c r="Y42" s="117"/>
      <c r="Z42" s="117"/>
      <c r="AA42" s="117"/>
      <c r="AB42" s="117"/>
      <c r="AC42" s="117"/>
      <c r="AD42" s="117"/>
      <c r="AE42" s="117"/>
      <c r="AF42" s="117"/>
      <c r="AG42" s="117"/>
      <c r="AH42" s="117"/>
      <c r="AI42" s="117"/>
      <c r="AJ42" s="117"/>
      <c r="AK42" s="117"/>
      <c r="AL42" s="117"/>
      <c r="AM42" s="117"/>
      <c r="AN42" s="117"/>
      <c r="AO42" s="117"/>
      <c r="AP42" s="117"/>
    </row>
    <row r="43" spans="1:60" s="118" customFormat="1" ht="15" customHeight="1">
      <c r="A43" s="117"/>
      <c r="B43" s="117"/>
      <c r="C43" s="117"/>
      <c r="D43" s="117"/>
      <c r="E43" s="286"/>
      <c r="F43" s="286"/>
      <c r="G43" s="286"/>
      <c r="H43" s="286"/>
      <c r="I43" s="286"/>
      <c r="J43" s="286"/>
      <c r="K43" s="286"/>
      <c r="L43" s="286"/>
      <c r="M43" s="286"/>
      <c r="N43" s="286"/>
      <c r="O43" s="286"/>
      <c r="P43" s="286"/>
      <c r="Q43" s="286"/>
      <c r="R43" s="286"/>
      <c r="S43" s="286"/>
      <c r="T43" s="286"/>
      <c r="U43" s="286"/>
      <c r="V43" s="286"/>
      <c r="W43" s="286"/>
      <c r="X43" s="286"/>
      <c r="Y43" s="286"/>
      <c r="Z43" s="286"/>
      <c r="AA43" s="286"/>
      <c r="AB43" s="286"/>
      <c r="AC43" s="286"/>
      <c r="AD43" s="286"/>
      <c r="AE43" s="286"/>
      <c r="AF43" s="286"/>
      <c r="AG43" s="286"/>
      <c r="AH43" s="286"/>
      <c r="AI43" s="286"/>
      <c r="AJ43" s="117"/>
      <c r="AK43" s="117"/>
      <c r="AL43" s="117"/>
      <c r="AM43" s="117"/>
      <c r="AN43" s="117"/>
      <c r="AO43" s="117"/>
      <c r="AP43" s="117"/>
    </row>
    <row r="44" spans="1:60" s="118" customFormat="1" ht="15" customHeight="1">
      <c r="A44" s="117"/>
      <c r="B44" s="117"/>
      <c r="C44" s="117"/>
      <c r="D44" s="117"/>
      <c r="E44" s="286"/>
      <c r="F44" s="286"/>
      <c r="G44" s="286"/>
      <c r="H44" s="286"/>
      <c r="I44" s="286"/>
      <c r="J44" s="286"/>
      <c r="K44" s="286"/>
      <c r="L44" s="286"/>
      <c r="M44" s="286"/>
      <c r="N44" s="286"/>
      <c r="O44" s="286"/>
      <c r="P44" s="286"/>
      <c r="Q44" s="286"/>
      <c r="R44" s="286"/>
      <c r="S44" s="286"/>
      <c r="T44" s="286"/>
      <c r="U44" s="286"/>
      <c r="V44" s="286"/>
      <c r="W44" s="286"/>
      <c r="X44" s="286"/>
      <c r="Y44" s="286"/>
      <c r="Z44" s="286"/>
      <c r="AA44" s="286"/>
      <c r="AB44" s="286"/>
      <c r="AC44" s="286"/>
      <c r="AD44" s="286"/>
      <c r="AE44" s="286"/>
      <c r="AF44" s="286"/>
      <c r="AG44" s="286"/>
      <c r="AH44" s="286"/>
      <c r="AI44" s="286"/>
      <c r="AJ44" s="117"/>
      <c r="AK44" s="117"/>
      <c r="AL44" s="117"/>
      <c r="AM44" s="117"/>
      <c r="AN44" s="117"/>
      <c r="AO44" s="117"/>
      <c r="AP44" s="117"/>
    </row>
    <row r="45" spans="1:60" s="118" customFormat="1" ht="15" customHeight="1">
      <c r="A45" s="117"/>
      <c r="B45" s="117"/>
      <c r="C45" s="117"/>
      <c r="D45" s="117"/>
      <c r="E45" s="117"/>
      <c r="F45" s="117"/>
      <c r="G45" s="117"/>
      <c r="H45" s="117"/>
      <c r="I45" s="117"/>
      <c r="J45" s="117"/>
      <c r="K45" s="117"/>
      <c r="L45" s="117"/>
      <c r="M45" s="117"/>
      <c r="N45" s="117"/>
      <c r="O45" s="117"/>
      <c r="P45" s="117"/>
      <c r="Q45" s="117"/>
      <c r="R45" s="117"/>
      <c r="S45" s="117"/>
      <c r="T45" s="117"/>
      <c r="U45" s="117"/>
      <c r="V45" s="117"/>
      <c r="W45" s="117"/>
      <c r="X45" s="117"/>
      <c r="Y45" s="117"/>
      <c r="Z45" s="117"/>
      <c r="AA45" s="117"/>
      <c r="AB45" s="117"/>
      <c r="AC45" s="117"/>
      <c r="AD45" s="117"/>
      <c r="AE45" s="117"/>
      <c r="AF45" s="117"/>
      <c r="AG45" s="117"/>
      <c r="AH45" s="117"/>
      <c r="AI45" s="117"/>
      <c r="AJ45" s="117"/>
      <c r="AK45" s="117"/>
      <c r="AL45" s="117"/>
      <c r="AM45" s="117"/>
      <c r="AN45" s="117"/>
      <c r="AO45" s="117"/>
      <c r="AP45" s="117"/>
    </row>
    <row r="46" spans="1:60" s="118" customFormat="1" ht="15" customHeight="1">
      <c r="A46" s="117"/>
      <c r="B46" s="117"/>
      <c r="C46" s="117"/>
      <c r="D46" s="117"/>
      <c r="E46" s="117"/>
      <c r="F46" s="117"/>
      <c r="G46" s="117"/>
      <c r="H46" s="117"/>
      <c r="I46" s="117"/>
      <c r="J46" s="117"/>
      <c r="K46" s="117"/>
      <c r="L46" s="117"/>
      <c r="M46" s="117"/>
      <c r="N46" s="117"/>
      <c r="O46" s="117"/>
      <c r="P46" s="117"/>
      <c r="Q46" s="117"/>
      <c r="R46" s="117"/>
      <c r="S46" s="117"/>
      <c r="T46" s="117"/>
      <c r="U46" s="117"/>
      <c r="V46" s="117"/>
      <c r="W46" s="117"/>
      <c r="X46" s="117"/>
      <c r="Y46" s="117"/>
      <c r="Z46" s="117"/>
      <c r="AA46" s="117"/>
      <c r="AB46" s="117"/>
      <c r="AC46" s="117"/>
      <c r="AD46" s="117"/>
      <c r="AE46" s="117"/>
      <c r="AF46" s="117"/>
      <c r="AG46" s="117"/>
      <c r="AH46" s="117"/>
      <c r="AI46" s="117"/>
      <c r="AJ46" s="117"/>
      <c r="AK46" s="117"/>
      <c r="AL46" s="117"/>
      <c r="AM46" s="117"/>
      <c r="AN46" s="117"/>
      <c r="AO46" s="117"/>
      <c r="AP46" s="117"/>
    </row>
    <row r="47" spans="1:60" s="118" customFormat="1" ht="15" customHeight="1">
      <c r="A47" s="117"/>
      <c r="B47" s="117"/>
      <c r="C47" s="117"/>
      <c r="D47" s="117"/>
      <c r="E47" s="117"/>
      <c r="F47" s="117"/>
      <c r="G47" s="117"/>
      <c r="H47" s="117"/>
      <c r="I47" s="117"/>
      <c r="J47" s="117"/>
      <c r="K47" s="117"/>
      <c r="L47" s="117"/>
      <c r="M47" s="117"/>
      <c r="N47" s="117"/>
      <c r="O47" s="117"/>
      <c r="P47" s="117"/>
      <c r="Q47" s="117"/>
      <c r="R47" s="117"/>
      <c r="S47" s="117"/>
      <c r="T47" s="117"/>
      <c r="U47" s="117"/>
      <c r="V47" s="117"/>
      <c r="W47" s="117"/>
      <c r="X47" s="117"/>
      <c r="Y47" s="117"/>
      <c r="Z47" s="117"/>
      <c r="AA47" s="117"/>
      <c r="AB47" s="117"/>
      <c r="AC47" s="117"/>
      <c r="AD47" s="117"/>
      <c r="AE47" s="117"/>
      <c r="AF47" s="117"/>
      <c r="AG47" s="117"/>
      <c r="AH47" s="117"/>
      <c r="AI47" s="117"/>
      <c r="AJ47" s="117"/>
      <c r="AK47" s="117"/>
      <c r="AL47" s="117"/>
      <c r="AM47" s="117"/>
      <c r="AN47" s="117"/>
      <c r="AO47" s="117"/>
      <c r="AP47" s="117"/>
    </row>
    <row r="48" spans="1:60" s="118" customFormat="1" ht="15" customHeight="1">
      <c r="A48" s="117"/>
      <c r="B48" s="117"/>
      <c r="C48" s="117"/>
      <c r="D48" s="117"/>
      <c r="E48" s="117"/>
      <c r="F48" s="117"/>
      <c r="G48" s="117"/>
      <c r="H48" s="117"/>
      <c r="I48" s="117"/>
      <c r="J48" s="117"/>
      <c r="K48" s="117"/>
      <c r="L48" s="117"/>
      <c r="M48" s="117"/>
      <c r="N48" s="117"/>
      <c r="O48" s="117"/>
      <c r="P48" s="117"/>
      <c r="Q48" s="117"/>
      <c r="R48" s="117"/>
      <c r="S48" s="117"/>
      <c r="T48" s="117"/>
      <c r="U48" s="117"/>
      <c r="V48" s="117"/>
      <c r="W48" s="117"/>
      <c r="X48" s="117"/>
      <c r="Y48" s="117"/>
      <c r="Z48" s="117"/>
      <c r="AA48" s="117"/>
      <c r="AB48" s="117"/>
      <c r="AC48" s="117"/>
      <c r="AD48" s="117"/>
      <c r="AE48" s="117"/>
      <c r="AF48" s="117"/>
      <c r="AG48" s="117"/>
      <c r="AH48" s="117"/>
      <c r="AI48" s="117"/>
      <c r="AJ48" s="117"/>
      <c r="AK48" s="117"/>
      <c r="AL48" s="117"/>
      <c r="AM48" s="117"/>
      <c r="AN48" s="117"/>
      <c r="AO48" s="117"/>
      <c r="AP48" s="117"/>
    </row>
    <row r="49" spans="1:63" s="118" customFormat="1" ht="15" customHeight="1">
      <c r="A49" s="117"/>
      <c r="B49" s="117"/>
      <c r="C49" s="117"/>
      <c r="D49" s="117"/>
      <c r="E49" s="117"/>
      <c r="F49" s="117"/>
      <c r="G49" s="117"/>
      <c r="H49" s="117"/>
      <c r="I49" s="117"/>
      <c r="J49" s="117"/>
      <c r="K49" s="117"/>
      <c r="L49" s="117"/>
      <c r="M49" s="117"/>
      <c r="N49" s="117"/>
      <c r="O49" s="117"/>
      <c r="P49" s="117"/>
      <c r="Q49" s="117"/>
      <c r="R49" s="117"/>
      <c r="S49" s="117"/>
      <c r="T49" s="117"/>
      <c r="U49" s="117"/>
      <c r="V49" s="117"/>
      <c r="W49" s="117"/>
      <c r="X49" s="117"/>
      <c r="Y49" s="117"/>
      <c r="Z49" s="117"/>
      <c r="AA49" s="117"/>
      <c r="AB49" s="117"/>
      <c r="AC49" s="117"/>
      <c r="AD49" s="117"/>
      <c r="AE49" s="117"/>
      <c r="AF49" s="117"/>
      <c r="AG49" s="117"/>
      <c r="AH49" s="117"/>
      <c r="AI49" s="117"/>
      <c r="AJ49" s="117"/>
      <c r="AK49" s="117"/>
      <c r="AL49" s="117"/>
      <c r="AM49" s="117"/>
      <c r="AN49" s="117"/>
      <c r="AO49" s="117"/>
      <c r="AP49" s="117"/>
    </row>
    <row r="50" spans="1:63" s="118" customFormat="1" ht="15" customHeight="1">
      <c r="A50" s="117"/>
      <c r="B50" s="117"/>
      <c r="C50" s="117"/>
      <c r="D50" s="117"/>
      <c r="E50" s="117"/>
      <c r="F50" s="117"/>
      <c r="G50" s="117"/>
      <c r="H50" s="117"/>
      <c r="I50" s="117"/>
      <c r="J50" s="117"/>
      <c r="K50" s="117"/>
      <c r="L50" s="117"/>
      <c r="M50" s="117"/>
      <c r="N50" s="117"/>
      <c r="O50" s="117"/>
      <c r="P50" s="117"/>
      <c r="Q50" s="117"/>
      <c r="R50" s="117"/>
      <c r="S50" s="117"/>
      <c r="T50" s="117"/>
      <c r="U50" s="117"/>
      <c r="V50" s="117"/>
      <c r="W50" s="117"/>
      <c r="X50" s="117"/>
      <c r="Y50" s="117"/>
      <c r="Z50" s="117"/>
      <c r="AA50" s="117"/>
      <c r="AB50" s="117"/>
      <c r="AC50" s="117"/>
      <c r="AD50" s="117"/>
      <c r="AE50" s="117"/>
      <c r="AF50" s="117"/>
      <c r="AG50" s="117"/>
      <c r="AH50" s="117"/>
      <c r="AI50" s="117"/>
      <c r="AJ50" s="117"/>
      <c r="AK50" s="117"/>
      <c r="AL50" s="117"/>
      <c r="AM50" s="117"/>
      <c r="AN50" s="117"/>
      <c r="AO50" s="117"/>
      <c r="AP50" s="117"/>
    </row>
    <row r="51" spans="1:63" s="118" customFormat="1" ht="15" customHeight="1">
      <c r="A51" s="117"/>
      <c r="B51" s="117"/>
      <c r="C51" s="117"/>
      <c r="D51" s="117"/>
      <c r="E51" s="117"/>
      <c r="F51" s="117"/>
      <c r="G51" s="117"/>
      <c r="H51" s="117"/>
      <c r="I51" s="117"/>
      <c r="J51" s="117"/>
      <c r="K51" s="117"/>
      <c r="L51" s="117"/>
      <c r="M51" s="117"/>
      <c r="N51" s="117"/>
      <c r="O51" s="117"/>
      <c r="P51" s="117"/>
      <c r="Q51" s="117"/>
      <c r="R51" s="117"/>
      <c r="S51" s="117"/>
      <c r="T51" s="117"/>
      <c r="U51" s="117"/>
      <c r="V51" s="117"/>
      <c r="W51" s="117"/>
      <c r="X51" s="117"/>
      <c r="Y51" s="117"/>
      <c r="Z51" s="117"/>
      <c r="AA51" s="117"/>
      <c r="AB51" s="117"/>
      <c r="AC51" s="117"/>
      <c r="AD51" s="117"/>
      <c r="AE51" s="117"/>
      <c r="AF51" s="117"/>
      <c r="AG51" s="117"/>
      <c r="AH51" s="117"/>
      <c r="AI51" s="117"/>
      <c r="AJ51" s="117"/>
      <c r="AK51" s="117"/>
      <c r="AL51" s="117"/>
      <c r="AM51" s="117"/>
      <c r="AN51" s="117"/>
      <c r="AO51" s="117"/>
      <c r="AP51" s="117"/>
    </row>
    <row r="52" spans="1:63" s="118" customFormat="1" ht="15" customHeight="1">
      <c r="A52" s="117"/>
      <c r="B52" s="117"/>
      <c r="C52" s="117"/>
      <c r="D52" s="117"/>
      <c r="E52" s="117"/>
      <c r="F52" s="117"/>
      <c r="G52" s="117"/>
      <c r="H52" s="117"/>
      <c r="I52" s="117"/>
      <c r="J52" s="117"/>
      <c r="K52" s="117"/>
      <c r="L52" s="117"/>
      <c r="M52" s="117"/>
      <c r="N52" s="117"/>
      <c r="O52" s="117"/>
      <c r="P52" s="117"/>
      <c r="Q52" s="117"/>
      <c r="R52" s="117"/>
      <c r="S52" s="117"/>
      <c r="T52" s="117"/>
      <c r="U52" s="117"/>
      <c r="V52" s="117"/>
      <c r="W52" s="117"/>
      <c r="X52" s="117"/>
      <c r="Y52" s="117"/>
      <c r="Z52" s="117"/>
      <c r="AA52" s="117"/>
      <c r="AB52" s="117"/>
      <c r="AC52" s="117"/>
      <c r="AD52" s="117"/>
      <c r="AE52" s="117"/>
      <c r="AF52" s="117"/>
      <c r="AG52" s="117"/>
      <c r="AH52" s="117"/>
      <c r="AI52" s="117"/>
      <c r="AJ52" s="117"/>
      <c r="AK52" s="117"/>
      <c r="AL52" s="117"/>
      <c r="AM52" s="117"/>
      <c r="AN52" s="117"/>
      <c r="AO52" s="117"/>
      <c r="AP52" s="117"/>
    </row>
    <row r="53" spans="1:63" s="118" customFormat="1" ht="15" customHeight="1">
      <c r="A53" s="117"/>
      <c r="B53" s="117"/>
      <c r="C53" s="117"/>
      <c r="D53" s="117"/>
      <c r="E53" s="117"/>
      <c r="F53" s="117"/>
      <c r="G53" s="117"/>
      <c r="H53" s="117"/>
      <c r="I53" s="117"/>
      <c r="J53" s="117"/>
      <c r="K53" s="117"/>
      <c r="L53" s="117"/>
      <c r="M53" s="117"/>
      <c r="N53" s="117"/>
      <c r="O53" s="117"/>
      <c r="P53" s="117"/>
      <c r="Q53" s="117"/>
      <c r="R53" s="117"/>
      <c r="S53" s="117"/>
      <c r="T53" s="117"/>
      <c r="U53" s="117"/>
      <c r="V53" s="117"/>
      <c r="W53" s="117"/>
      <c r="X53" s="117"/>
      <c r="Y53" s="117"/>
      <c r="Z53" s="117"/>
      <c r="AA53" s="117"/>
      <c r="AB53" s="117"/>
      <c r="AC53" s="117"/>
      <c r="AD53" s="117"/>
      <c r="AE53" s="117"/>
      <c r="AF53" s="117"/>
      <c r="AG53" s="117"/>
      <c r="AH53" s="117"/>
      <c r="AI53" s="117"/>
      <c r="AJ53" s="117"/>
      <c r="AK53" s="117"/>
      <c r="AL53" s="117"/>
      <c r="AM53" s="117"/>
      <c r="AN53" s="117"/>
      <c r="AO53" s="117"/>
      <c r="AP53" s="117"/>
    </row>
    <row r="54" spans="1:63" s="118" customFormat="1" ht="15" customHeight="1">
      <c r="A54" s="117"/>
      <c r="B54" s="117"/>
      <c r="C54" s="117"/>
      <c r="D54" s="298" t="s">
        <v>403</v>
      </c>
      <c r="E54" s="298"/>
      <c r="F54" s="298"/>
      <c r="G54" s="298"/>
      <c r="H54" s="298"/>
      <c r="I54" s="298"/>
      <c r="J54" s="298"/>
      <c r="K54" s="298"/>
      <c r="L54" s="298"/>
      <c r="M54" s="298"/>
      <c r="N54" s="298"/>
      <c r="O54" s="298"/>
      <c r="P54" s="117"/>
      <c r="Q54" s="117"/>
      <c r="R54" s="117"/>
      <c r="S54" s="117"/>
      <c r="T54" s="117"/>
      <c r="U54" s="117"/>
      <c r="V54" s="117"/>
      <c r="W54" s="117"/>
      <c r="X54" s="117"/>
      <c r="Y54" s="117"/>
      <c r="Z54" s="117"/>
      <c r="AA54" s="117"/>
      <c r="AB54" s="117"/>
      <c r="AC54" s="117"/>
      <c r="AD54" s="117"/>
      <c r="AE54" s="117"/>
      <c r="AF54" s="117"/>
      <c r="AG54" s="117"/>
      <c r="AH54" s="117"/>
      <c r="AI54" s="117"/>
      <c r="AJ54" s="117"/>
      <c r="AK54" s="117"/>
      <c r="AL54" s="117"/>
      <c r="AM54" s="117"/>
      <c r="AN54" s="117"/>
      <c r="AO54" s="117"/>
      <c r="AP54" s="117"/>
    </row>
    <row r="55" spans="1:63" s="118" customFormat="1" ht="15" customHeight="1">
      <c r="A55" s="117"/>
      <c r="B55" s="117"/>
      <c r="C55" s="117"/>
      <c r="D55" s="117"/>
      <c r="E55" s="117"/>
      <c r="F55" s="297" t="s">
        <v>402</v>
      </c>
      <c r="G55" s="297"/>
      <c r="H55" s="297"/>
      <c r="I55" s="297"/>
      <c r="J55" s="297"/>
      <c r="K55" s="297"/>
      <c r="L55" s="297"/>
      <c r="M55" s="297"/>
      <c r="N55" s="297"/>
      <c r="O55" s="297"/>
      <c r="P55" s="297"/>
      <c r="Q55" s="297"/>
      <c r="R55" s="297"/>
      <c r="S55" s="297"/>
      <c r="T55" s="297"/>
      <c r="U55" s="297"/>
      <c r="V55" s="297"/>
      <c r="W55" s="297"/>
      <c r="X55" s="297"/>
      <c r="Y55" s="297"/>
      <c r="Z55" s="297"/>
      <c r="AA55" s="297"/>
      <c r="AB55" s="297"/>
      <c r="AC55" s="297"/>
      <c r="AD55" s="297"/>
      <c r="AE55" s="297"/>
      <c r="AF55" s="297"/>
      <c r="AG55" s="297"/>
      <c r="AH55" s="297"/>
      <c r="AI55" s="297"/>
      <c r="AJ55" s="297"/>
      <c r="AK55" s="297"/>
      <c r="AL55" s="297"/>
      <c r="AM55" s="297"/>
      <c r="AN55" s="297"/>
      <c r="AO55" s="297"/>
      <c r="AP55" s="297"/>
      <c r="AQ55" s="297"/>
      <c r="AR55" s="297"/>
      <c r="AS55" s="297"/>
      <c r="AT55" s="297"/>
      <c r="AU55" s="297"/>
      <c r="AV55" s="297"/>
      <c r="AW55" s="297"/>
      <c r="AX55" s="297"/>
      <c r="AY55" s="297"/>
      <c r="AZ55" s="297"/>
      <c r="BA55" s="297"/>
      <c r="BB55" s="297"/>
      <c r="BC55" s="297"/>
      <c r="BD55" s="297"/>
      <c r="BE55" s="297"/>
      <c r="BF55" s="297"/>
      <c r="BG55" s="297"/>
      <c r="BH55" s="297"/>
      <c r="BI55" s="297"/>
      <c r="BJ55" s="297"/>
      <c r="BK55" s="297"/>
    </row>
    <row r="56" spans="1:63" s="118" customFormat="1" ht="14.25">
      <c r="A56" s="117"/>
      <c r="B56" s="117"/>
      <c r="C56" s="117"/>
      <c r="D56" s="117"/>
      <c r="E56" s="117"/>
      <c r="F56" s="296" t="s">
        <v>401</v>
      </c>
      <c r="G56" s="296"/>
      <c r="H56" s="296"/>
      <c r="I56" s="296"/>
      <c r="J56" s="296"/>
      <c r="K56" s="296"/>
      <c r="L56" s="296"/>
      <c r="M56" s="296"/>
      <c r="N56" s="296"/>
      <c r="O56" s="296"/>
      <c r="P56" s="296"/>
      <c r="Q56" s="296"/>
      <c r="R56" s="296"/>
      <c r="S56" s="296"/>
      <c r="T56" s="296"/>
      <c r="U56" s="296"/>
      <c r="V56" s="296"/>
      <c r="W56" s="296"/>
      <c r="X56" s="296"/>
      <c r="Y56" s="296"/>
      <c r="Z56" s="296"/>
      <c r="AA56" s="296"/>
      <c r="AB56" s="296"/>
      <c r="AC56" s="296"/>
      <c r="AD56" s="296"/>
      <c r="AE56" s="296"/>
      <c r="AF56" s="296"/>
      <c r="AG56" s="296"/>
      <c r="AH56" s="296"/>
      <c r="AI56" s="296"/>
      <c r="AJ56" s="296"/>
      <c r="AK56" s="296"/>
      <c r="AL56" s="296"/>
      <c r="AM56" s="296"/>
      <c r="AN56" s="296"/>
      <c r="AO56" s="296"/>
      <c r="AP56" s="296"/>
      <c r="AQ56" s="296"/>
      <c r="AR56" s="296"/>
      <c r="AS56" s="296"/>
      <c r="AT56" s="296"/>
      <c r="AU56" s="296"/>
      <c r="AV56" s="296"/>
      <c r="AW56" s="296"/>
      <c r="AX56" s="296"/>
      <c r="AY56" s="296"/>
      <c r="AZ56" s="296"/>
      <c r="BA56" s="296"/>
      <c r="BB56" s="296"/>
      <c r="BC56" s="296"/>
      <c r="BD56" s="296"/>
      <c r="BE56" s="296"/>
      <c r="BF56" s="296"/>
      <c r="BG56" s="296"/>
      <c r="BH56" s="296"/>
      <c r="BI56" s="296"/>
      <c r="BJ56" s="296"/>
      <c r="BK56" s="296"/>
    </row>
    <row r="57" spans="1:63" s="118" customFormat="1" ht="14.25">
      <c r="A57" s="117"/>
      <c r="B57" s="117"/>
      <c r="C57" s="117"/>
      <c r="D57" s="117"/>
      <c r="E57" s="117"/>
      <c r="F57" s="296"/>
      <c r="G57" s="296"/>
      <c r="H57" s="296"/>
      <c r="I57" s="296"/>
      <c r="J57" s="296"/>
      <c r="K57" s="296"/>
      <c r="L57" s="296"/>
      <c r="M57" s="296"/>
      <c r="N57" s="296"/>
      <c r="O57" s="296"/>
      <c r="P57" s="296"/>
      <c r="Q57" s="296"/>
      <c r="R57" s="296"/>
      <c r="S57" s="296"/>
      <c r="T57" s="296"/>
      <c r="U57" s="296"/>
      <c r="V57" s="296"/>
      <c r="W57" s="296"/>
      <c r="X57" s="296"/>
      <c r="Y57" s="296"/>
      <c r="Z57" s="296"/>
      <c r="AA57" s="296"/>
      <c r="AB57" s="296"/>
      <c r="AC57" s="296"/>
      <c r="AD57" s="296"/>
      <c r="AE57" s="296"/>
      <c r="AF57" s="296"/>
      <c r="AG57" s="296"/>
      <c r="AH57" s="296"/>
      <c r="AI57" s="296"/>
      <c r="AJ57" s="296"/>
      <c r="AK57" s="296"/>
      <c r="AL57" s="296"/>
      <c r="AM57" s="296"/>
      <c r="AN57" s="296"/>
      <c r="AO57" s="296"/>
      <c r="AP57" s="296"/>
      <c r="AQ57" s="296"/>
      <c r="AR57" s="296"/>
      <c r="AS57" s="296"/>
      <c r="AT57" s="296"/>
      <c r="AU57" s="296"/>
      <c r="AV57" s="296"/>
      <c r="AW57" s="296"/>
      <c r="AX57" s="296"/>
      <c r="AY57" s="296"/>
      <c r="AZ57" s="296"/>
      <c r="BA57" s="296"/>
      <c r="BB57" s="296"/>
      <c r="BC57" s="296"/>
      <c r="BD57" s="296"/>
      <c r="BE57" s="296"/>
      <c r="BF57" s="296"/>
      <c r="BG57" s="296"/>
      <c r="BH57" s="296"/>
      <c r="BI57" s="296"/>
      <c r="BJ57" s="296"/>
      <c r="BK57" s="296"/>
    </row>
    <row r="58" spans="1:63" s="118" customFormat="1" ht="14.25">
      <c r="A58" s="117"/>
      <c r="B58" s="117"/>
      <c r="C58" s="117"/>
      <c r="D58" s="117"/>
      <c r="E58" s="117"/>
      <c r="F58" s="117"/>
      <c r="G58" s="117"/>
      <c r="H58" s="117"/>
      <c r="I58" s="117"/>
      <c r="J58" s="117"/>
      <c r="K58" s="117"/>
      <c r="L58" s="117"/>
      <c r="M58" s="117"/>
      <c r="N58" s="117"/>
      <c r="O58" s="117"/>
      <c r="P58" s="117"/>
      <c r="Q58" s="117"/>
      <c r="R58" s="117"/>
      <c r="S58" s="117"/>
      <c r="T58" s="117"/>
      <c r="U58" s="117"/>
      <c r="V58" s="117"/>
      <c r="W58" s="117"/>
      <c r="X58" s="117"/>
      <c r="Y58" s="117"/>
      <c r="Z58" s="117"/>
      <c r="AA58" s="117"/>
      <c r="AB58" s="117"/>
      <c r="AC58" s="117"/>
      <c r="AD58" s="117"/>
      <c r="AE58" s="117"/>
      <c r="AF58" s="117"/>
      <c r="AG58" s="117"/>
      <c r="AH58" s="117"/>
      <c r="AI58" s="117"/>
      <c r="AJ58" s="117"/>
      <c r="AK58" s="117"/>
      <c r="AL58" s="117"/>
      <c r="AM58" s="117"/>
      <c r="AN58" s="117"/>
      <c r="AO58" s="117"/>
      <c r="AP58" s="117"/>
    </row>
    <row r="59" spans="1:63" s="118" customFormat="1" ht="14.25">
      <c r="A59" s="117"/>
      <c r="B59" s="117"/>
      <c r="C59" s="117"/>
      <c r="D59" s="117"/>
      <c r="E59" s="117"/>
      <c r="F59" s="117"/>
      <c r="G59" s="117"/>
      <c r="H59" s="117"/>
      <c r="I59" s="117"/>
      <c r="J59" s="117"/>
      <c r="K59" s="117"/>
      <c r="L59" s="117"/>
      <c r="M59" s="117"/>
      <c r="N59" s="117"/>
      <c r="O59" s="117"/>
      <c r="P59" s="117"/>
      <c r="Q59" s="117"/>
      <c r="R59" s="117"/>
      <c r="S59" s="117"/>
      <c r="T59" s="117"/>
      <c r="U59" s="117"/>
      <c r="V59" s="117"/>
      <c r="W59" s="117"/>
      <c r="X59" s="117"/>
      <c r="Y59" s="117"/>
      <c r="Z59" s="117"/>
      <c r="AA59" s="117"/>
      <c r="AB59" s="117"/>
      <c r="AC59" s="117"/>
      <c r="AD59" s="117"/>
      <c r="AE59" s="117"/>
      <c r="AF59" s="117"/>
      <c r="AG59" s="117"/>
      <c r="AH59" s="117"/>
      <c r="AI59" s="117"/>
      <c r="AJ59" s="117"/>
      <c r="AK59" s="117"/>
      <c r="AL59" s="117"/>
      <c r="AM59" s="117"/>
      <c r="AN59" s="117"/>
      <c r="AO59" s="117"/>
      <c r="AP59" s="117"/>
    </row>
    <row r="60" spans="1:63" s="118" customFormat="1" ht="14.25">
      <c r="A60" s="117"/>
      <c r="B60" s="117"/>
      <c r="C60" s="117"/>
      <c r="D60" s="117"/>
      <c r="E60" s="117"/>
      <c r="F60" s="117"/>
      <c r="G60" s="117"/>
      <c r="H60" s="117"/>
      <c r="I60" s="117"/>
      <c r="J60" s="117"/>
      <c r="K60" s="117"/>
      <c r="L60" s="117"/>
      <c r="M60" s="117"/>
      <c r="N60" s="117"/>
      <c r="O60" s="117"/>
      <c r="P60" s="117"/>
      <c r="Q60" s="117"/>
      <c r="R60" s="117"/>
      <c r="S60" s="117"/>
      <c r="T60" s="117"/>
      <c r="U60" s="117"/>
      <c r="V60" s="117"/>
      <c r="W60" s="117"/>
      <c r="X60" s="117"/>
      <c r="Y60" s="117"/>
      <c r="Z60" s="117"/>
      <c r="AA60" s="117"/>
      <c r="AB60" s="117"/>
      <c r="AC60" s="117"/>
      <c r="AD60" s="117"/>
      <c r="AE60" s="117"/>
      <c r="AF60" s="117"/>
      <c r="AG60" s="117"/>
      <c r="AH60" s="117"/>
      <c r="AI60" s="117"/>
      <c r="AJ60" s="117"/>
      <c r="AK60" s="117"/>
      <c r="AL60" s="117"/>
      <c r="AM60" s="117"/>
      <c r="AN60" s="117"/>
      <c r="AO60" s="117"/>
      <c r="AP60" s="117"/>
    </row>
    <row r="61" spans="1:63" ht="15" customHeight="1">
      <c r="B61" s="151" t="s">
        <v>208</v>
      </c>
    </row>
    <row r="62" spans="1:63" ht="18" customHeight="1">
      <c r="AO62" s="198" t="s">
        <v>405</v>
      </c>
      <c r="AR62" s="207"/>
      <c r="AS62" s="207"/>
      <c r="AT62" s="207"/>
      <c r="AU62" s="198" t="s">
        <v>2</v>
      </c>
      <c r="AW62" s="207"/>
      <c r="AX62" s="207"/>
      <c r="AY62" s="207"/>
      <c r="AZ62" s="146" t="s">
        <v>3</v>
      </c>
      <c r="BB62" s="207"/>
      <c r="BC62" s="207"/>
      <c r="BD62" s="207"/>
      <c r="BE62" s="198" t="s">
        <v>4</v>
      </c>
    </row>
    <row r="63" spans="1:63" ht="30" customHeight="1">
      <c r="D63" s="1"/>
      <c r="E63" s="206" t="s">
        <v>6</v>
      </c>
      <c r="F63" s="206"/>
      <c r="G63" s="464" t="s">
        <v>83</v>
      </c>
      <c r="H63" s="464"/>
      <c r="I63" s="464"/>
      <c r="J63" s="464"/>
      <c r="K63" s="464"/>
      <c r="L63" s="464"/>
      <c r="M63" s="464"/>
      <c r="N63" s="464"/>
      <c r="O63" s="464"/>
      <c r="P63" s="464"/>
      <c r="Q63" s="464"/>
      <c r="R63" s="464"/>
      <c r="S63" s="2"/>
      <c r="T63" s="465"/>
      <c r="U63" s="466"/>
      <c r="V63" s="466"/>
      <c r="W63" s="466"/>
      <c r="X63" s="466"/>
      <c r="Y63" s="466"/>
      <c r="Z63" s="466"/>
      <c r="AA63" s="466"/>
      <c r="AB63" s="466"/>
      <c r="AC63" s="466"/>
      <c r="AD63" s="466"/>
      <c r="AE63" s="466"/>
      <c r="AF63" s="466"/>
      <c r="AG63" s="466"/>
      <c r="AH63" s="466"/>
      <c r="AI63" s="466"/>
      <c r="AJ63" s="466"/>
      <c r="AK63" s="466"/>
      <c r="AL63" s="466"/>
      <c r="AM63" s="466"/>
      <c r="AN63" s="466"/>
      <c r="AO63" s="466"/>
      <c r="AP63" s="466"/>
      <c r="AQ63" s="466"/>
      <c r="AR63" s="466"/>
      <c r="AS63" s="466"/>
      <c r="AT63" s="466"/>
      <c r="AU63" s="466"/>
      <c r="AV63" s="466"/>
      <c r="AW63" s="466"/>
      <c r="AX63" s="466"/>
      <c r="AY63" s="466"/>
      <c r="AZ63" s="466"/>
      <c r="BA63" s="466"/>
      <c r="BB63" s="466"/>
      <c r="BC63" s="466"/>
      <c r="BD63" s="466"/>
      <c r="BE63" s="466"/>
      <c r="BF63" s="466"/>
      <c r="BG63" s="466"/>
      <c r="BH63" s="466"/>
      <c r="BI63" s="466"/>
      <c r="BJ63" s="467"/>
    </row>
    <row r="64" spans="1:63" ht="23.25" customHeight="1">
      <c r="D64" s="3"/>
      <c r="E64" s="391" t="s">
        <v>7</v>
      </c>
      <c r="F64" s="391"/>
      <c r="G64" s="487" t="s">
        <v>84</v>
      </c>
      <c r="H64" s="487"/>
      <c r="I64" s="487"/>
      <c r="J64" s="487"/>
      <c r="K64" s="487"/>
      <c r="L64" s="487"/>
      <c r="M64" s="487"/>
      <c r="N64" s="487"/>
      <c r="O64" s="487"/>
      <c r="P64" s="487"/>
      <c r="Q64" s="487"/>
      <c r="R64" s="487"/>
      <c r="S64" s="181"/>
      <c r="T64" s="239" t="s">
        <v>304</v>
      </c>
      <c r="U64" s="240"/>
      <c r="V64" s="485"/>
      <c r="W64" s="485"/>
      <c r="X64" s="485"/>
      <c r="Y64" s="485"/>
      <c r="Z64" s="485"/>
      <c r="AA64" s="485"/>
      <c r="AB64" s="485"/>
      <c r="AC64" s="485"/>
      <c r="AD64" s="485"/>
      <c r="AE64" s="485"/>
      <c r="AF64" s="485"/>
      <c r="AG64" s="485"/>
      <c r="AH64" s="485"/>
      <c r="AI64" s="485"/>
      <c r="AJ64" s="485"/>
      <c r="AK64" s="485"/>
      <c r="AL64" s="485"/>
      <c r="AM64" s="485"/>
      <c r="AN64" s="485"/>
      <c r="AO64" s="485"/>
      <c r="AP64" s="485"/>
      <c r="AQ64" s="485"/>
      <c r="AR64" s="485"/>
      <c r="AS64" s="485"/>
      <c r="AT64" s="485"/>
      <c r="AU64" s="486"/>
      <c r="AV64" s="481" t="s">
        <v>13</v>
      </c>
      <c r="AW64" s="481"/>
      <c r="AX64" s="481"/>
      <c r="AY64" s="482"/>
      <c r="AZ64" s="483"/>
      <c r="BA64" s="483"/>
      <c r="BB64" s="483"/>
      <c r="BC64" s="483"/>
      <c r="BD64" s="483"/>
      <c r="BE64" s="483"/>
      <c r="BF64" s="483"/>
      <c r="BG64" s="483"/>
      <c r="BH64" s="483"/>
      <c r="BI64" s="483"/>
      <c r="BJ64" s="484"/>
    </row>
    <row r="65" spans="4:66" ht="23.25" customHeight="1">
      <c r="D65" s="4"/>
      <c r="E65" s="207"/>
      <c r="F65" s="207"/>
      <c r="G65" s="463"/>
      <c r="H65" s="463"/>
      <c r="I65" s="463"/>
      <c r="J65" s="463"/>
      <c r="K65" s="463"/>
      <c r="L65" s="463"/>
      <c r="M65" s="463"/>
      <c r="N65" s="463"/>
      <c r="O65" s="463"/>
      <c r="P65" s="463"/>
      <c r="Q65" s="463"/>
      <c r="R65" s="463"/>
      <c r="S65" s="5"/>
      <c r="T65" s="469" t="s">
        <v>303</v>
      </c>
      <c r="U65" s="470"/>
      <c r="V65" s="470"/>
      <c r="W65" s="470"/>
      <c r="X65" s="470"/>
      <c r="Y65" s="470"/>
      <c r="Z65" s="470"/>
      <c r="AA65" s="470"/>
      <c r="AB65" s="470"/>
      <c r="AC65" s="470"/>
      <c r="AD65" s="470"/>
      <c r="AE65" s="470"/>
      <c r="AF65" s="470"/>
      <c r="AG65" s="470"/>
      <c r="AH65" s="470"/>
      <c r="AI65" s="470"/>
      <c r="AJ65" s="470"/>
      <c r="AK65" s="470"/>
      <c r="AL65" s="470"/>
      <c r="AM65" s="470"/>
      <c r="AN65" s="470"/>
      <c r="AO65" s="470"/>
      <c r="AP65" s="470"/>
      <c r="AQ65" s="470"/>
      <c r="AR65" s="470"/>
      <c r="AS65" s="470"/>
      <c r="AT65" s="470"/>
      <c r="AU65" s="471"/>
      <c r="AV65" s="430" t="s">
        <v>266</v>
      </c>
      <c r="AW65" s="431"/>
      <c r="AX65" s="432"/>
      <c r="AY65" s="472"/>
      <c r="AZ65" s="473"/>
      <c r="BA65" s="473"/>
      <c r="BB65" s="473"/>
      <c r="BC65" s="473"/>
      <c r="BD65" s="473"/>
      <c r="BE65" s="473"/>
      <c r="BF65" s="473"/>
      <c r="BG65" s="473"/>
      <c r="BH65" s="473"/>
      <c r="BI65" s="473"/>
      <c r="BJ65" s="474"/>
    </row>
    <row r="66" spans="4:66" ht="23.25" customHeight="1">
      <c r="D66" s="4"/>
      <c r="E66" s="207"/>
      <c r="F66" s="207"/>
      <c r="G66" s="463"/>
      <c r="H66" s="463"/>
      <c r="I66" s="463"/>
      <c r="J66" s="463"/>
      <c r="K66" s="463"/>
      <c r="L66" s="463"/>
      <c r="M66" s="463"/>
      <c r="N66" s="463"/>
      <c r="O66" s="463"/>
      <c r="P66" s="463"/>
      <c r="Q66" s="463"/>
      <c r="R66" s="463"/>
      <c r="S66" s="5"/>
      <c r="T66" s="475" t="s">
        <v>302</v>
      </c>
      <c r="U66" s="473"/>
      <c r="V66" s="473"/>
      <c r="W66" s="473"/>
      <c r="X66" s="473"/>
      <c r="Y66" s="473"/>
      <c r="Z66" s="473"/>
      <c r="AA66" s="473"/>
      <c r="AB66" s="476"/>
      <c r="AC66" s="472"/>
      <c r="AD66" s="473"/>
      <c r="AE66" s="473"/>
      <c r="AF66" s="473"/>
      <c r="AG66" s="473"/>
      <c r="AH66" s="473"/>
      <c r="AI66" s="473"/>
      <c r="AJ66" s="473"/>
      <c r="AK66" s="473"/>
      <c r="AL66" s="473"/>
      <c r="AM66" s="473"/>
      <c r="AN66" s="473"/>
      <c r="AO66" s="473"/>
      <c r="AP66" s="473"/>
      <c r="AQ66" s="473"/>
      <c r="AR66" s="473"/>
      <c r="AS66" s="473"/>
      <c r="AT66" s="473"/>
      <c r="AU66" s="473"/>
      <c r="AV66" s="473"/>
      <c r="AW66" s="473"/>
      <c r="AX66" s="473"/>
      <c r="AY66" s="473"/>
      <c r="AZ66" s="473"/>
      <c r="BA66" s="473"/>
      <c r="BB66" s="473"/>
      <c r="BC66" s="473"/>
      <c r="BD66" s="473"/>
      <c r="BE66" s="473"/>
      <c r="BF66" s="473"/>
      <c r="BG66" s="473"/>
      <c r="BH66" s="473"/>
      <c r="BI66" s="473"/>
      <c r="BJ66" s="474"/>
    </row>
    <row r="67" spans="4:66" ht="20.100000000000001" customHeight="1">
      <c r="D67" s="4"/>
      <c r="E67" s="207"/>
      <c r="F67" s="207"/>
      <c r="G67" s="463"/>
      <c r="H67" s="463"/>
      <c r="I67" s="463"/>
      <c r="J67" s="463"/>
      <c r="K67" s="463"/>
      <c r="L67" s="463"/>
      <c r="M67" s="463"/>
      <c r="N67" s="463"/>
      <c r="O67" s="463"/>
      <c r="P67" s="463"/>
      <c r="Q67" s="463"/>
      <c r="R67" s="463"/>
      <c r="S67" s="5"/>
      <c r="T67" s="489" t="s">
        <v>14</v>
      </c>
      <c r="U67" s="490"/>
      <c r="V67" s="490"/>
      <c r="W67" s="490"/>
      <c r="X67" s="490"/>
      <c r="Y67" s="490"/>
      <c r="Z67" s="491"/>
      <c r="AA67" s="493"/>
      <c r="AB67" s="493"/>
      <c r="AC67" s="493"/>
      <c r="AD67" s="493"/>
      <c r="AE67" s="493"/>
      <c r="AF67" s="493"/>
      <c r="AG67" s="493"/>
      <c r="AH67" s="493"/>
      <c r="AI67" s="493"/>
      <c r="AJ67" s="493"/>
      <c r="AK67" s="493"/>
      <c r="AL67" s="493"/>
      <c r="AM67" s="427" t="s">
        <v>15</v>
      </c>
      <c r="AN67" s="427"/>
      <c r="AO67" s="524"/>
      <c r="AP67" s="490"/>
      <c r="AQ67" s="490"/>
      <c r="AR67" s="490"/>
      <c r="AS67" s="490"/>
      <c r="AT67" s="490"/>
      <c r="AU67" s="490"/>
      <c r="AV67" s="491"/>
      <c r="AW67" s="427" t="s">
        <v>18</v>
      </c>
      <c r="AX67" s="427"/>
      <c r="AY67" s="468" t="s">
        <v>16</v>
      </c>
      <c r="AZ67" s="468"/>
      <c r="BA67" s="468"/>
      <c r="BB67" s="468"/>
      <c r="BC67" s="430"/>
      <c r="BD67" s="431"/>
      <c r="BE67" s="431"/>
      <c r="BF67" s="431"/>
      <c r="BG67" s="431"/>
      <c r="BH67" s="431"/>
      <c r="BI67" s="431" t="s">
        <v>305</v>
      </c>
      <c r="BJ67" s="477"/>
    </row>
    <row r="68" spans="4:66" ht="20.100000000000001" customHeight="1">
      <c r="D68" s="193"/>
      <c r="E68" s="208"/>
      <c r="F68" s="208"/>
      <c r="G68" s="488"/>
      <c r="H68" s="488"/>
      <c r="I68" s="488"/>
      <c r="J68" s="488"/>
      <c r="K68" s="488"/>
      <c r="L68" s="488"/>
      <c r="M68" s="488"/>
      <c r="N68" s="488"/>
      <c r="O68" s="488"/>
      <c r="P68" s="488"/>
      <c r="Q68" s="488"/>
      <c r="R68" s="488"/>
      <c r="S68" s="195"/>
      <c r="T68" s="326"/>
      <c r="U68" s="208"/>
      <c r="V68" s="208"/>
      <c r="W68" s="208"/>
      <c r="X68" s="208"/>
      <c r="Y68" s="208"/>
      <c r="Z68" s="492"/>
      <c r="AA68" s="494"/>
      <c r="AB68" s="494"/>
      <c r="AC68" s="494"/>
      <c r="AD68" s="494"/>
      <c r="AE68" s="494"/>
      <c r="AF68" s="494"/>
      <c r="AG68" s="494"/>
      <c r="AH68" s="494"/>
      <c r="AI68" s="494"/>
      <c r="AJ68" s="494"/>
      <c r="AK68" s="494"/>
      <c r="AL68" s="494"/>
      <c r="AM68" s="428"/>
      <c r="AN68" s="428"/>
      <c r="AO68" s="515"/>
      <c r="AP68" s="208"/>
      <c r="AQ68" s="208"/>
      <c r="AR68" s="208"/>
      <c r="AS68" s="208"/>
      <c r="AT68" s="208"/>
      <c r="AU68" s="208"/>
      <c r="AV68" s="492"/>
      <c r="AW68" s="428"/>
      <c r="AX68" s="428"/>
      <c r="AY68" s="428" t="s">
        <v>17</v>
      </c>
      <c r="AZ68" s="428"/>
      <c r="BA68" s="428"/>
      <c r="BB68" s="428"/>
      <c r="BC68" s="480"/>
      <c r="BD68" s="478"/>
      <c r="BE68" s="478"/>
      <c r="BF68" s="478"/>
      <c r="BG68" s="478"/>
      <c r="BH68" s="478"/>
      <c r="BI68" s="478" t="s">
        <v>305</v>
      </c>
      <c r="BJ68" s="479"/>
    </row>
    <row r="69" spans="4:66" ht="30" customHeight="1">
      <c r="D69" s="4"/>
      <c r="E69" s="207" t="s">
        <v>161</v>
      </c>
      <c r="F69" s="207"/>
      <c r="G69" s="463" t="s">
        <v>149</v>
      </c>
      <c r="H69" s="463"/>
      <c r="I69" s="463"/>
      <c r="J69" s="463"/>
      <c r="K69" s="463"/>
      <c r="L69" s="463"/>
      <c r="M69" s="463"/>
      <c r="N69" s="463"/>
      <c r="O69" s="463"/>
      <c r="P69" s="463"/>
      <c r="Q69" s="463"/>
      <c r="R69" s="463"/>
      <c r="S69" s="5"/>
      <c r="T69" s="7"/>
      <c r="U69" s="413" t="s">
        <v>315</v>
      </c>
      <c r="V69" s="413"/>
      <c r="W69" s="413"/>
      <c r="X69" s="176"/>
      <c r="Y69" s="176"/>
      <c r="Z69" s="413" t="s">
        <v>316</v>
      </c>
      <c r="AA69" s="413"/>
      <c r="AB69" s="413"/>
      <c r="AC69" s="413"/>
      <c r="AD69" s="413"/>
      <c r="AE69" s="176"/>
      <c r="AF69" s="176"/>
      <c r="AG69" s="413" t="s">
        <v>317</v>
      </c>
      <c r="AH69" s="413"/>
      <c r="AI69" s="413"/>
      <c r="AJ69" s="413"/>
      <c r="AK69" s="413"/>
      <c r="AL69" s="413"/>
      <c r="AM69" s="413"/>
      <c r="AN69" s="176"/>
      <c r="AO69" s="176"/>
      <c r="AP69" s="413" t="s">
        <v>318</v>
      </c>
      <c r="AQ69" s="413"/>
      <c r="AR69" s="413"/>
      <c r="AS69" s="413"/>
      <c r="AT69" s="413"/>
      <c r="AU69" s="176"/>
      <c r="AV69" s="176"/>
      <c r="AW69" s="413" t="s">
        <v>319</v>
      </c>
      <c r="AX69" s="413"/>
      <c r="AY69" s="413"/>
      <c r="AZ69" s="413"/>
      <c r="BA69" s="413"/>
      <c r="BB69" s="413"/>
      <c r="BC69" s="176"/>
      <c r="BD69" s="176"/>
      <c r="BE69" s="413" t="s">
        <v>320</v>
      </c>
      <c r="BF69" s="413"/>
      <c r="BG69" s="413"/>
      <c r="BH69" s="413"/>
      <c r="BI69" s="413"/>
      <c r="BJ69" s="177"/>
    </row>
    <row r="70" spans="4:66" ht="30" customHeight="1">
      <c r="D70" s="189"/>
      <c r="E70" s="398" t="s">
        <v>270</v>
      </c>
      <c r="F70" s="398"/>
      <c r="G70" s="429" t="s">
        <v>19</v>
      </c>
      <c r="H70" s="429"/>
      <c r="I70" s="429"/>
      <c r="J70" s="429"/>
      <c r="K70" s="429"/>
      <c r="L70" s="429"/>
      <c r="M70" s="429"/>
      <c r="N70" s="429"/>
      <c r="O70" s="429"/>
      <c r="P70" s="429"/>
      <c r="Q70" s="429"/>
      <c r="R70" s="429"/>
      <c r="S70" s="191"/>
      <c r="T70" s="495"/>
      <c r="U70" s="496"/>
      <c r="V70" s="496"/>
      <c r="W70" s="496"/>
      <c r="X70" s="496"/>
      <c r="Y70" s="496"/>
      <c r="Z70" s="496"/>
      <c r="AA70" s="496"/>
      <c r="AB70" s="496"/>
      <c r="AC70" s="496"/>
      <c r="AD70" s="496"/>
      <c r="AE70" s="496"/>
      <c r="AF70" s="496"/>
      <c r="AG70" s="496"/>
      <c r="AH70" s="496"/>
      <c r="AI70" s="496"/>
      <c r="AJ70" s="496"/>
      <c r="AK70" s="496"/>
      <c r="AL70" s="496"/>
      <c r="AM70" s="496"/>
      <c r="AN70" s="496"/>
      <c r="AO70" s="496"/>
      <c r="AP70" s="496"/>
      <c r="AQ70" s="496"/>
      <c r="AR70" s="496"/>
      <c r="AS70" s="496"/>
      <c r="AT70" s="496"/>
      <c r="AU70" s="496"/>
      <c r="AV70" s="496"/>
      <c r="AW70" s="496"/>
      <c r="AX70" s="496"/>
      <c r="AY70" s="496"/>
      <c r="AZ70" s="496"/>
      <c r="BA70" s="496"/>
      <c r="BB70" s="496"/>
      <c r="BC70" s="496"/>
      <c r="BD70" s="496"/>
      <c r="BE70" s="496"/>
      <c r="BF70" s="496"/>
      <c r="BG70" s="496"/>
      <c r="BH70" s="496"/>
      <c r="BI70" s="496"/>
      <c r="BJ70" s="497"/>
    </row>
    <row r="71" spans="4:66" ht="15" customHeight="1">
      <c r="D71" s="3"/>
      <c r="E71" s="391" t="s">
        <v>162</v>
      </c>
      <c r="F71" s="391"/>
      <c r="G71" s="487" t="s">
        <v>306</v>
      </c>
      <c r="H71" s="487"/>
      <c r="I71" s="487"/>
      <c r="J71" s="487"/>
      <c r="K71" s="487"/>
      <c r="L71" s="487"/>
      <c r="M71" s="487"/>
      <c r="N71" s="487"/>
      <c r="O71" s="487"/>
      <c r="P71" s="487"/>
      <c r="Q71" s="487"/>
      <c r="R71" s="487"/>
      <c r="S71" s="181"/>
      <c r="T71" s="393" t="s">
        <v>12</v>
      </c>
      <c r="U71" s="391"/>
      <c r="V71" s="459"/>
      <c r="W71" s="459"/>
      <c r="X71" s="459"/>
      <c r="Y71" s="459"/>
      <c r="Z71" s="459"/>
      <c r="AA71" s="459"/>
      <c r="AB71" s="459"/>
      <c r="AC71" s="459"/>
      <c r="AD71" s="459"/>
      <c r="AE71" s="459"/>
      <c r="AF71" s="459"/>
      <c r="AG71" s="459"/>
      <c r="AH71" s="459"/>
      <c r="AI71" s="459"/>
      <c r="AJ71" s="459"/>
      <c r="AK71" s="459"/>
      <c r="AL71" s="459"/>
      <c r="AM71" s="459"/>
      <c r="AN71" s="459"/>
      <c r="AO71" s="459"/>
      <c r="AP71" s="459"/>
      <c r="AQ71" s="459"/>
      <c r="AR71" s="459"/>
      <c r="AS71" s="459"/>
      <c r="AT71" s="459"/>
      <c r="AU71" s="502"/>
      <c r="AV71" s="454" t="s">
        <v>13</v>
      </c>
      <c r="AW71" s="391"/>
      <c r="AX71" s="455"/>
      <c r="AY71" s="458"/>
      <c r="AZ71" s="459"/>
      <c r="BA71" s="459"/>
      <c r="BB71" s="459"/>
      <c r="BC71" s="459"/>
      <c r="BD71" s="459"/>
      <c r="BE71" s="459"/>
      <c r="BF71" s="459"/>
      <c r="BG71" s="459"/>
      <c r="BH71" s="459"/>
      <c r="BI71" s="459"/>
      <c r="BJ71" s="460"/>
    </row>
    <row r="72" spans="4:66" ht="15" customHeight="1">
      <c r="D72" s="178"/>
      <c r="E72" s="396"/>
      <c r="F72" s="396"/>
      <c r="G72" s="538"/>
      <c r="H72" s="538"/>
      <c r="I72" s="538"/>
      <c r="J72" s="538"/>
      <c r="K72" s="538"/>
      <c r="L72" s="538"/>
      <c r="M72" s="538"/>
      <c r="N72" s="538"/>
      <c r="O72" s="538"/>
      <c r="P72" s="538"/>
      <c r="Q72" s="538"/>
      <c r="R72" s="538"/>
      <c r="S72" s="182"/>
      <c r="T72" s="451"/>
      <c r="U72" s="452"/>
      <c r="V72" s="452"/>
      <c r="W72" s="452"/>
      <c r="X72" s="452"/>
      <c r="Y72" s="452"/>
      <c r="Z72" s="452"/>
      <c r="AA72" s="452"/>
      <c r="AB72" s="452"/>
      <c r="AC72" s="452"/>
      <c r="AD72" s="452"/>
      <c r="AE72" s="452"/>
      <c r="AF72" s="452"/>
      <c r="AG72" s="452"/>
      <c r="AH72" s="452"/>
      <c r="AI72" s="452"/>
      <c r="AJ72" s="452"/>
      <c r="AK72" s="452"/>
      <c r="AL72" s="452"/>
      <c r="AM72" s="452"/>
      <c r="AN72" s="452"/>
      <c r="AO72" s="452"/>
      <c r="AP72" s="452"/>
      <c r="AQ72" s="452"/>
      <c r="AR72" s="452"/>
      <c r="AS72" s="452"/>
      <c r="AT72" s="452"/>
      <c r="AU72" s="453"/>
      <c r="AV72" s="456"/>
      <c r="AW72" s="396"/>
      <c r="AX72" s="457"/>
      <c r="AY72" s="461"/>
      <c r="AZ72" s="452"/>
      <c r="BA72" s="452"/>
      <c r="BB72" s="452"/>
      <c r="BC72" s="452"/>
      <c r="BD72" s="452"/>
      <c r="BE72" s="452"/>
      <c r="BF72" s="452"/>
      <c r="BG72" s="452"/>
      <c r="BH72" s="452"/>
      <c r="BI72" s="452"/>
      <c r="BJ72" s="462"/>
    </row>
    <row r="73" spans="4:66" ht="30" customHeight="1">
      <c r="D73" s="6"/>
      <c r="E73" s="404" t="s">
        <v>163</v>
      </c>
      <c r="F73" s="404"/>
      <c r="G73" s="445" t="s">
        <v>8</v>
      </c>
      <c r="H73" s="445"/>
      <c r="I73" s="445"/>
      <c r="J73" s="445"/>
      <c r="K73" s="445"/>
      <c r="L73" s="445"/>
      <c r="M73" s="445"/>
      <c r="N73" s="445"/>
      <c r="O73" s="445"/>
      <c r="P73" s="445"/>
      <c r="Q73" s="445"/>
      <c r="R73" s="445"/>
      <c r="S73" s="175"/>
      <c r="T73" s="403" t="s">
        <v>20</v>
      </c>
      <c r="U73" s="404"/>
      <c r="V73" s="404"/>
      <c r="W73" s="404"/>
      <c r="X73" s="404"/>
      <c r="Y73" s="446"/>
      <c r="Z73" s="447"/>
      <c r="AA73" s="448"/>
      <c r="AB73" s="448"/>
      <c r="AC73" s="448"/>
      <c r="AD73" s="448"/>
      <c r="AE73" s="448"/>
      <c r="AF73" s="448"/>
      <c r="AG73" s="448"/>
      <c r="AH73" s="448"/>
      <c r="AI73" s="448"/>
      <c r="AJ73" s="448"/>
      <c r="AK73" s="448"/>
      <c r="AL73" s="448"/>
      <c r="AM73" s="448"/>
      <c r="AN73" s="448"/>
      <c r="AO73" s="449"/>
      <c r="AP73" s="450" t="s">
        <v>21</v>
      </c>
      <c r="AQ73" s="404"/>
      <c r="AR73" s="404"/>
      <c r="AS73" s="404"/>
      <c r="AT73" s="404"/>
      <c r="AU73" s="446"/>
      <c r="AV73" s="433"/>
      <c r="AW73" s="434"/>
      <c r="AX73" s="434"/>
      <c r="AY73" s="434"/>
      <c r="AZ73" s="434"/>
      <c r="BA73" s="434"/>
      <c r="BB73" s="434"/>
      <c r="BC73" s="434"/>
      <c r="BD73" s="434"/>
      <c r="BE73" s="434"/>
      <c r="BF73" s="434"/>
      <c r="BG73" s="434"/>
      <c r="BH73" s="434"/>
      <c r="BI73" s="434"/>
      <c r="BJ73" s="435"/>
    </row>
    <row r="74" spans="4:66" ht="30" customHeight="1">
      <c r="D74" s="7"/>
      <c r="E74" s="413" t="s">
        <v>164</v>
      </c>
      <c r="F74" s="413"/>
      <c r="G74" s="436" t="s">
        <v>9</v>
      </c>
      <c r="H74" s="436"/>
      <c r="I74" s="436"/>
      <c r="J74" s="436"/>
      <c r="K74" s="436"/>
      <c r="L74" s="436"/>
      <c r="M74" s="436"/>
      <c r="N74" s="436"/>
      <c r="O74" s="436"/>
      <c r="P74" s="436"/>
      <c r="Q74" s="436"/>
      <c r="R74" s="436"/>
      <c r="S74" s="177"/>
      <c r="T74" s="412" t="s">
        <v>20</v>
      </c>
      <c r="U74" s="413"/>
      <c r="V74" s="413"/>
      <c r="W74" s="413"/>
      <c r="X74" s="413"/>
      <c r="Y74" s="437"/>
      <c r="Z74" s="438"/>
      <c r="AA74" s="439"/>
      <c r="AB74" s="439"/>
      <c r="AC74" s="439"/>
      <c r="AD74" s="439"/>
      <c r="AE74" s="439"/>
      <c r="AF74" s="439"/>
      <c r="AG74" s="439"/>
      <c r="AH74" s="439"/>
      <c r="AI74" s="439"/>
      <c r="AJ74" s="439"/>
      <c r="AK74" s="439"/>
      <c r="AL74" s="439"/>
      <c r="AM74" s="439"/>
      <c r="AN74" s="439"/>
      <c r="AO74" s="440"/>
      <c r="AP74" s="441" t="s">
        <v>21</v>
      </c>
      <c r="AQ74" s="413"/>
      <c r="AR74" s="413"/>
      <c r="AS74" s="413"/>
      <c r="AT74" s="413"/>
      <c r="AU74" s="437"/>
      <c r="AV74" s="442"/>
      <c r="AW74" s="443"/>
      <c r="AX74" s="443"/>
      <c r="AY74" s="443"/>
      <c r="AZ74" s="443"/>
      <c r="BA74" s="443"/>
      <c r="BB74" s="443"/>
      <c r="BC74" s="443"/>
      <c r="BD74" s="443"/>
      <c r="BE74" s="443"/>
      <c r="BF74" s="443"/>
      <c r="BG74" s="443"/>
      <c r="BH74" s="443"/>
      <c r="BI74" s="443"/>
      <c r="BJ74" s="444"/>
    </row>
    <row r="75" spans="4:66" ht="15" customHeight="1">
      <c r="D75" s="393"/>
      <c r="E75" s="391" t="s">
        <v>165</v>
      </c>
      <c r="F75" s="391"/>
      <c r="G75" s="487" t="s">
        <v>10</v>
      </c>
      <c r="H75" s="487"/>
      <c r="I75" s="487"/>
      <c r="J75" s="487"/>
      <c r="K75" s="487"/>
      <c r="L75" s="487"/>
      <c r="M75" s="487"/>
      <c r="N75" s="487"/>
      <c r="O75" s="487"/>
      <c r="P75" s="487"/>
      <c r="Q75" s="487"/>
      <c r="R75" s="487"/>
      <c r="S75" s="181"/>
      <c r="T75" s="393" t="s">
        <v>12</v>
      </c>
      <c r="U75" s="391"/>
      <c r="V75" s="391"/>
      <c r="W75" s="391"/>
      <c r="X75" s="391"/>
      <c r="Y75" s="391"/>
      <c r="Z75" s="391"/>
      <c r="AA75" s="391"/>
      <c r="AB75" s="391"/>
      <c r="AC75" s="391"/>
      <c r="AD75" s="391"/>
      <c r="AE75" s="391"/>
      <c r="AF75" s="391"/>
      <c r="AG75" s="391"/>
      <c r="AH75" s="391"/>
      <c r="AI75" s="391"/>
      <c r="AJ75" s="391"/>
      <c r="AK75" s="391"/>
      <c r="AL75" s="391"/>
      <c r="AM75" s="391"/>
      <c r="AN75" s="391"/>
      <c r="AO75" s="391"/>
      <c r="AP75" s="391"/>
      <c r="AQ75" s="391"/>
      <c r="AR75" s="391"/>
      <c r="AS75" s="391"/>
      <c r="AT75" s="391"/>
      <c r="AU75" s="391"/>
      <c r="AV75" s="454" t="s">
        <v>13</v>
      </c>
      <c r="AW75" s="391"/>
      <c r="AX75" s="391"/>
      <c r="AY75" s="458"/>
      <c r="AZ75" s="459"/>
      <c r="BA75" s="459"/>
      <c r="BB75" s="459"/>
      <c r="BC75" s="459"/>
      <c r="BD75" s="459"/>
      <c r="BE75" s="459"/>
      <c r="BF75" s="459"/>
      <c r="BG75" s="459"/>
      <c r="BH75" s="459"/>
      <c r="BI75" s="459"/>
      <c r="BJ75" s="460"/>
    </row>
    <row r="76" spans="4:66" ht="15" customHeight="1">
      <c r="D76" s="326"/>
      <c r="E76" s="208"/>
      <c r="F76" s="208"/>
      <c r="G76" s="488"/>
      <c r="H76" s="488"/>
      <c r="I76" s="488"/>
      <c r="J76" s="488"/>
      <c r="K76" s="488"/>
      <c r="L76" s="488"/>
      <c r="M76" s="488"/>
      <c r="N76" s="488"/>
      <c r="O76" s="488"/>
      <c r="P76" s="488"/>
      <c r="Q76" s="488"/>
      <c r="R76" s="488"/>
      <c r="S76" s="195"/>
      <c r="T76" s="519"/>
      <c r="U76" s="520"/>
      <c r="V76" s="520"/>
      <c r="W76" s="520"/>
      <c r="X76" s="520"/>
      <c r="Y76" s="520"/>
      <c r="Z76" s="520"/>
      <c r="AA76" s="520"/>
      <c r="AB76" s="520"/>
      <c r="AC76" s="520"/>
      <c r="AD76" s="520"/>
      <c r="AE76" s="520"/>
      <c r="AF76" s="520"/>
      <c r="AG76" s="520"/>
      <c r="AH76" s="520"/>
      <c r="AI76" s="520"/>
      <c r="AJ76" s="520"/>
      <c r="AK76" s="520"/>
      <c r="AL76" s="520"/>
      <c r="AM76" s="520"/>
      <c r="AN76" s="520"/>
      <c r="AO76" s="520"/>
      <c r="AP76" s="520"/>
      <c r="AQ76" s="520"/>
      <c r="AR76" s="520"/>
      <c r="AS76" s="520"/>
      <c r="AT76" s="520"/>
      <c r="AU76" s="521"/>
      <c r="AV76" s="515"/>
      <c r="AW76" s="208"/>
      <c r="AX76" s="208"/>
      <c r="AY76" s="525"/>
      <c r="AZ76" s="520"/>
      <c r="BA76" s="520"/>
      <c r="BB76" s="520"/>
      <c r="BC76" s="520"/>
      <c r="BD76" s="520"/>
      <c r="BE76" s="520"/>
      <c r="BF76" s="520"/>
      <c r="BG76" s="520"/>
      <c r="BH76" s="520"/>
      <c r="BI76" s="520"/>
      <c r="BJ76" s="526"/>
    </row>
    <row r="77" spans="4:66" ht="30" customHeight="1">
      <c r="D77" s="193"/>
      <c r="E77" s="208" t="s">
        <v>166</v>
      </c>
      <c r="F77" s="208"/>
      <c r="G77" s="488" t="s">
        <v>11</v>
      </c>
      <c r="H77" s="488"/>
      <c r="I77" s="488"/>
      <c r="J77" s="488"/>
      <c r="K77" s="488"/>
      <c r="L77" s="488"/>
      <c r="M77" s="488"/>
      <c r="N77" s="488"/>
      <c r="O77" s="488"/>
      <c r="P77" s="488"/>
      <c r="Q77" s="488"/>
      <c r="R77" s="488"/>
      <c r="S77" s="195"/>
      <c r="T77" s="25"/>
      <c r="U77" s="262" t="s">
        <v>405</v>
      </c>
      <c r="V77" s="262"/>
      <c r="W77" s="262"/>
      <c r="X77" s="262"/>
      <c r="Y77" s="262"/>
      <c r="Z77" s="262"/>
      <c r="AA77" s="262" t="s">
        <v>2</v>
      </c>
      <c r="AB77" s="262"/>
      <c r="AC77" s="262"/>
      <c r="AD77" s="262"/>
      <c r="AE77" s="262"/>
      <c r="AF77" s="262" t="s">
        <v>3</v>
      </c>
      <c r="AG77" s="262"/>
      <c r="AH77" s="262"/>
      <c r="AI77" s="262"/>
      <c r="AJ77" s="262"/>
      <c r="AK77" s="262" t="s">
        <v>22</v>
      </c>
      <c r="AL77" s="262"/>
      <c r="AM77" s="167"/>
      <c r="AN77" s="167"/>
      <c r="AO77" s="167"/>
      <c r="AP77" s="167"/>
      <c r="AQ77" s="167"/>
      <c r="AR77" s="167"/>
      <c r="AS77" s="167"/>
      <c r="AT77" s="167"/>
      <c r="AU77" s="167"/>
      <c r="AV77" s="26"/>
      <c r="AW77" s="26"/>
      <c r="AX77" s="26"/>
      <c r="AY77" s="26"/>
      <c r="AZ77" s="26"/>
      <c r="BA77" s="26"/>
      <c r="BB77" s="26"/>
      <c r="BC77" s="26"/>
      <c r="BD77" s="26"/>
      <c r="BE77" s="26"/>
      <c r="BF77" s="26"/>
      <c r="BG77" s="26"/>
      <c r="BH77" s="26"/>
      <c r="BI77" s="26"/>
      <c r="BJ77" s="27"/>
    </row>
    <row r="78" spans="4:66" ht="30" customHeight="1">
      <c r="D78" s="1"/>
      <c r="E78" s="206" t="s">
        <v>167</v>
      </c>
      <c r="F78" s="206"/>
      <c r="G78" s="464" t="s">
        <v>85</v>
      </c>
      <c r="H78" s="464"/>
      <c r="I78" s="464"/>
      <c r="J78" s="464"/>
      <c r="K78" s="464"/>
      <c r="L78" s="464"/>
      <c r="M78" s="464"/>
      <c r="N78" s="464"/>
      <c r="O78" s="464"/>
      <c r="P78" s="464"/>
      <c r="Q78" s="464"/>
      <c r="R78" s="464"/>
      <c r="S78" s="2"/>
      <c r="T78" s="197"/>
      <c r="U78" s="206" t="s">
        <v>23</v>
      </c>
      <c r="V78" s="206"/>
      <c r="W78" s="206" t="s">
        <v>86</v>
      </c>
      <c r="X78" s="206"/>
      <c r="Y78" s="206"/>
      <c r="Z78" s="206"/>
      <c r="AA78" s="206"/>
      <c r="AB78" s="206"/>
      <c r="AC78" s="206"/>
      <c r="AD78" s="206"/>
      <c r="AE78" s="206"/>
      <c r="AF78" s="206"/>
      <c r="AG78" s="206"/>
      <c r="AH78" s="206"/>
      <c r="AI78" s="206"/>
      <c r="AJ78" s="206" t="s">
        <v>307</v>
      </c>
      <c r="AK78" s="206"/>
      <c r="AL78" s="206"/>
      <c r="AM78" s="206" t="s">
        <v>24</v>
      </c>
      <c r="AN78" s="206"/>
      <c r="AO78" s="206"/>
      <c r="AP78" s="206"/>
      <c r="AQ78" s="206"/>
      <c r="AR78" s="206"/>
      <c r="AS78" s="206"/>
      <c r="AT78" s="206"/>
      <c r="AU78" s="206"/>
      <c r="AV78" s="206"/>
      <c r="AW78" s="197"/>
      <c r="AX78" s="197"/>
      <c r="BA78" s="386" t="s">
        <v>25</v>
      </c>
      <c r="BB78" s="206"/>
      <c r="BC78" s="206"/>
      <c r="BD78" s="206"/>
      <c r="BE78" s="206"/>
      <c r="BF78" s="206"/>
      <c r="BG78" s="206"/>
      <c r="BH78" s="206"/>
      <c r="BI78" s="206"/>
      <c r="BJ78" s="325"/>
    </row>
    <row r="79" spans="4:66" ht="30" customHeight="1">
      <c r="D79" s="193"/>
      <c r="E79" s="208"/>
      <c r="F79" s="208"/>
      <c r="G79" s="488"/>
      <c r="H79" s="488"/>
      <c r="I79" s="488"/>
      <c r="J79" s="488"/>
      <c r="K79" s="488"/>
      <c r="L79" s="488"/>
      <c r="M79" s="488"/>
      <c r="N79" s="488"/>
      <c r="O79" s="488"/>
      <c r="P79" s="488"/>
      <c r="Q79" s="488"/>
      <c r="R79" s="488"/>
      <c r="S79" s="195"/>
      <c r="T79" s="147"/>
      <c r="U79" s="208"/>
      <c r="V79" s="208"/>
      <c r="W79" s="147"/>
      <c r="X79" s="147"/>
      <c r="Y79" s="147"/>
      <c r="Z79" s="147"/>
      <c r="AA79" s="147"/>
      <c r="AB79" s="147"/>
      <c r="AC79" s="147"/>
      <c r="AD79" s="147"/>
      <c r="AE79" s="147"/>
      <c r="AF79" s="147"/>
      <c r="AG79" s="208" t="s">
        <v>267</v>
      </c>
      <c r="AH79" s="208"/>
      <c r="AI79" s="208"/>
      <c r="AJ79" s="208"/>
      <c r="AK79" s="208"/>
      <c r="AL79" s="208"/>
      <c r="AM79" s="208"/>
      <c r="AN79" s="208"/>
      <c r="AO79" s="208"/>
      <c r="AP79" s="208"/>
      <c r="AQ79" s="208"/>
      <c r="AR79" s="208"/>
      <c r="AS79" s="208"/>
      <c r="AT79" s="208"/>
      <c r="AU79" s="208" t="s">
        <v>340</v>
      </c>
      <c r="AV79" s="208"/>
      <c r="AW79" s="208"/>
      <c r="AX79" s="208"/>
      <c r="AY79" s="147"/>
      <c r="AZ79" s="147"/>
      <c r="BA79" s="515"/>
      <c r="BB79" s="208"/>
      <c r="BC79" s="208"/>
      <c r="BD79" s="208"/>
      <c r="BE79" s="208"/>
      <c r="BF79" s="208"/>
      <c r="BG79" s="208"/>
      <c r="BH79" s="208"/>
      <c r="BI79" s="208"/>
      <c r="BJ79" s="327"/>
      <c r="BK79" s="162"/>
      <c r="BM79" s="146"/>
      <c r="BN79" s="146"/>
    </row>
    <row r="80" spans="4:66" ht="19.5" customHeight="1">
      <c r="D80" s="305" t="s">
        <v>283</v>
      </c>
      <c r="E80" s="306"/>
      <c r="F80" s="306"/>
      <c r="G80" s="307"/>
      <c r="H80" s="206" t="s">
        <v>151</v>
      </c>
      <c r="I80" s="206"/>
      <c r="J80" s="206"/>
      <c r="K80" s="206"/>
      <c r="L80" s="206"/>
      <c r="M80" s="206"/>
      <c r="N80" s="206"/>
      <c r="O80" s="206"/>
      <c r="P80" s="206"/>
      <c r="Q80" s="206"/>
      <c r="R80" s="206"/>
      <c r="S80" s="325"/>
      <c r="T80" s="53"/>
      <c r="U80" s="206" t="s">
        <v>321</v>
      </c>
      <c r="V80" s="206"/>
      <c r="W80" s="206"/>
      <c r="X80" s="206"/>
      <c r="Y80" s="24"/>
      <c r="Z80" s="24"/>
      <c r="AA80" s="206" t="s">
        <v>322</v>
      </c>
      <c r="AB80" s="206"/>
      <c r="AC80" s="206"/>
      <c r="AD80" s="206"/>
      <c r="AE80" s="206"/>
      <c r="AF80" s="24"/>
      <c r="AG80" s="24"/>
      <c r="AH80" s="206" t="s">
        <v>323</v>
      </c>
      <c r="AI80" s="206"/>
      <c r="AJ80" s="206"/>
      <c r="AK80" s="206"/>
      <c r="AL80" s="206"/>
      <c r="AM80" s="206"/>
      <c r="AN80" s="206"/>
      <c r="AO80" s="206"/>
      <c r="AP80" s="206"/>
      <c r="AQ80" s="206"/>
      <c r="AR80" s="206"/>
      <c r="AS80" s="24"/>
      <c r="AT80" s="24"/>
      <c r="AU80" s="206" t="s">
        <v>324</v>
      </c>
      <c r="AV80" s="206"/>
      <c r="AW80" s="206"/>
      <c r="AX80" s="206"/>
      <c r="AY80" s="24"/>
      <c r="AZ80" s="24"/>
      <c r="BA80" s="206" t="s">
        <v>325</v>
      </c>
      <c r="BB80" s="206"/>
      <c r="BC80" s="206"/>
      <c r="BD80" s="206"/>
      <c r="BE80" s="24"/>
      <c r="BF80" s="24"/>
      <c r="BG80" s="24"/>
      <c r="BH80" s="24"/>
      <c r="BI80" s="24"/>
      <c r="BJ80" s="131"/>
    </row>
    <row r="81" spans="4:66" ht="19.5" customHeight="1">
      <c r="D81" s="308"/>
      <c r="E81" s="309"/>
      <c r="F81" s="309"/>
      <c r="G81" s="310"/>
      <c r="H81" s="207"/>
      <c r="I81" s="207"/>
      <c r="J81" s="207"/>
      <c r="K81" s="207"/>
      <c r="L81" s="207"/>
      <c r="M81" s="207"/>
      <c r="N81" s="207"/>
      <c r="O81" s="207"/>
      <c r="P81" s="207"/>
      <c r="Q81" s="207"/>
      <c r="R81" s="207"/>
      <c r="S81" s="328"/>
      <c r="T81" s="17"/>
      <c r="U81" s="208" t="s">
        <v>326</v>
      </c>
      <c r="V81" s="208"/>
      <c r="W81" s="208"/>
      <c r="X81" s="208"/>
      <c r="Y81" s="208"/>
      <c r="Z81" s="208"/>
      <c r="AA81" s="18"/>
      <c r="AB81" s="18"/>
      <c r="AC81" s="18"/>
      <c r="AD81" s="18"/>
      <c r="AE81" s="18"/>
      <c r="AF81" s="18"/>
      <c r="AG81" s="18"/>
      <c r="AH81" s="18"/>
      <c r="AI81" s="18"/>
      <c r="AJ81" s="18"/>
      <c r="AK81" s="18"/>
      <c r="AL81" s="18"/>
      <c r="AM81" s="18"/>
      <c r="AN81" s="18"/>
      <c r="AO81" s="18"/>
      <c r="AP81" s="18"/>
      <c r="AQ81" s="18"/>
      <c r="AR81" s="18"/>
      <c r="AS81" s="18"/>
      <c r="AT81" s="18"/>
      <c r="AU81" s="18"/>
      <c r="AV81" s="18"/>
      <c r="AW81" s="18"/>
      <c r="AX81" s="18"/>
      <c r="AY81" s="18"/>
      <c r="AZ81" s="18"/>
      <c r="BA81" s="18"/>
      <c r="BB81" s="18"/>
      <c r="BC81" s="18"/>
      <c r="BD81" s="18"/>
      <c r="BE81" s="18"/>
      <c r="BF81" s="18"/>
      <c r="BG81" s="18"/>
      <c r="BH81" s="18"/>
      <c r="BI81" s="18"/>
      <c r="BJ81" s="132"/>
    </row>
    <row r="82" spans="4:66" ht="10.5" customHeight="1">
      <c r="D82" s="308"/>
      <c r="E82" s="309"/>
      <c r="F82" s="309"/>
      <c r="G82" s="310"/>
      <c r="H82" s="4"/>
      <c r="J82" s="5"/>
      <c r="K82" s="324" t="s">
        <v>87</v>
      </c>
      <c r="L82" s="206"/>
      <c r="M82" s="206"/>
      <c r="N82" s="206"/>
      <c r="O82" s="206"/>
      <c r="P82" s="206"/>
      <c r="Q82" s="206"/>
      <c r="R82" s="206"/>
      <c r="S82" s="325"/>
      <c r="T82" s="324" t="s">
        <v>242</v>
      </c>
      <c r="U82" s="206"/>
      <c r="V82" s="206"/>
      <c r="W82" s="206"/>
      <c r="X82" s="206"/>
      <c r="Y82" s="206"/>
      <c r="Z82" s="206"/>
      <c r="AA82" s="206"/>
      <c r="AB82" s="206"/>
      <c r="AC82" s="262"/>
      <c r="AD82" s="262"/>
      <c r="AE82" s="262"/>
      <c r="AF82" s="262"/>
      <c r="AG82" s="262"/>
      <c r="AH82" s="262"/>
      <c r="AI82" s="262"/>
      <c r="AJ82" s="262"/>
      <c r="AK82" s="262"/>
      <c r="AL82" s="155"/>
      <c r="AM82" s="155"/>
      <c r="AN82" s="155"/>
      <c r="AO82" s="155"/>
      <c r="AP82" s="155"/>
      <c r="AQ82" s="155"/>
      <c r="AR82" s="155"/>
      <c r="AS82" s="155"/>
      <c r="AT82" s="155"/>
      <c r="AU82" s="170"/>
      <c r="AV82" s="170"/>
      <c r="AW82" s="170"/>
      <c r="AX82" s="170"/>
      <c r="AY82" s="170"/>
      <c r="AZ82" s="170"/>
      <c r="BA82" s="170"/>
      <c r="BB82" s="170"/>
      <c r="BC82" s="171"/>
      <c r="BD82" s="314"/>
      <c r="BE82" s="315"/>
      <c r="BF82" s="315"/>
      <c r="BG82" s="315"/>
      <c r="BH82" s="315"/>
      <c r="BI82" s="315"/>
      <c r="BJ82" s="316"/>
      <c r="BK82" s="162"/>
      <c r="BM82" s="146"/>
      <c r="BN82" s="146"/>
    </row>
    <row r="83" spans="4:66" ht="23.25" customHeight="1">
      <c r="D83" s="308"/>
      <c r="E83" s="309"/>
      <c r="F83" s="309"/>
      <c r="G83" s="310"/>
      <c r="H83" s="4"/>
      <c r="J83" s="5"/>
      <c r="K83" s="331"/>
      <c r="L83" s="207"/>
      <c r="M83" s="207"/>
      <c r="N83" s="207"/>
      <c r="O83" s="207"/>
      <c r="P83" s="207"/>
      <c r="Q83" s="207"/>
      <c r="R83" s="207"/>
      <c r="S83" s="328"/>
      <c r="T83" s="326"/>
      <c r="U83" s="208"/>
      <c r="V83" s="208"/>
      <c r="W83" s="208"/>
      <c r="X83" s="208"/>
      <c r="Y83" s="208"/>
      <c r="Z83" s="208"/>
      <c r="AA83" s="208"/>
      <c r="AB83" s="327"/>
      <c r="AC83" s="284" t="s">
        <v>243</v>
      </c>
      <c r="AD83" s="262"/>
      <c r="AE83" s="262"/>
      <c r="AF83" s="262"/>
      <c r="AG83" s="262"/>
      <c r="AH83" s="262"/>
      <c r="AI83" s="262"/>
      <c r="AJ83" s="262"/>
      <c r="AK83" s="285"/>
      <c r="AL83" s="284" t="s">
        <v>152</v>
      </c>
      <c r="AM83" s="262"/>
      <c r="AN83" s="262"/>
      <c r="AO83" s="262"/>
      <c r="AP83" s="262"/>
      <c r="AQ83" s="262"/>
      <c r="AR83" s="262"/>
      <c r="AS83" s="262"/>
      <c r="AT83" s="285"/>
      <c r="AU83" s="500" t="s">
        <v>153</v>
      </c>
      <c r="AV83" s="323"/>
      <c r="AW83" s="323"/>
      <c r="AX83" s="323"/>
      <c r="AY83" s="323"/>
      <c r="AZ83" s="323"/>
      <c r="BA83" s="323"/>
      <c r="BB83" s="323"/>
      <c r="BC83" s="501"/>
      <c r="BD83" s="317"/>
      <c r="BE83" s="318"/>
      <c r="BF83" s="318"/>
      <c r="BG83" s="318"/>
      <c r="BH83" s="318"/>
      <c r="BI83" s="318"/>
      <c r="BJ83" s="319"/>
      <c r="BK83" s="162"/>
      <c r="BM83" s="146"/>
      <c r="BN83" s="146"/>
    </row>
    <row r="84" spans="4:66" ht="19.5" customHeight="1">
      <c r="D84" s="308"/>
      <c r="E84" s="309"/>
      <c r="F84" s="309"/>
      <c r="G84" s="310"/>
      <c r="H84" s="4"/>
      <c r="J84" s="5"/>
      <c r="K84" s="4"/>
      <c r="L84" s="5"/>
      <c r="M84" s="324" t="s">
        <v>90</v>
      </c>
      <c r="N84" s="206"/>
      <c r="O84" s="206"/>
      <c r="P84" s="206"/>
      <c r="Q84" s="206"/>
      <c r="R84" s="206"/>
      <c r="S84" s="325"/>
      <c r="T84" s="146"/>
      <c r="U84" s="206"/>
      <c r="V84" s="206"/>
      <c r="W84" s="206"/>
      <c r="X84" s="206"/>
      <c r="Y84" s="206"/>
      <c r="Z84" s="206"/>
      <c r="AA84" s="110" t="s">
        <v>92</v>
      </c>
      <c r="AB84" s="159"/>
      <c r="AC84" s="146"/>
      <c r="AD84" s="206"/>
      <c r="AE84" s="206"/>
      <c r="AF84" s="206"/>
      <c r="AG84" s="206"/>
      <c r="AH84" s="206"/>
      <c r="AI84" s="206"/>
      <c r="AJ84" s="110" t="s">
        <v>92</v>
      </c>
      <c r="AK84" s="159"/>
      <c r="AL84" s="146"/>
      <c r="AM84" s="206"/>
      <c r="AN84" s="206"/>
      <c r="AO84" s="206"/>
      <c r="AP84" s="206"/>
      <c r="AQ84" s="206"/>
      <c r="AR84" s="206"/>
      <c r="AS84" s="110" t="s">
        <v>92</v>
      </c>
      <c r="AT84" s="159"/>
      <c r="AU84" s="146"/>
      <c r="AV84" s="206"/>
      <c r="AW84" s="206"/>
      <c r="AX84" s="206"/>
      <c r="AY84" s="206"/>
      <c r="AZ84" s="206"/>
      <c r="BA84" s="206"/>
      <c r="BB84" s="110" t="s">
        <v>92</v>
      </c>
      <c r="BC84" s="159"/>
      <c r="BD84" s="317"/>
      <c r="BE84" s="318"/>
      <c r="BF84" s="318"/>
      <c r="BG84" s="318"/>
      <c r="BH84" s="318"/>
      <c r="BI84" s="318"/>
      <c r="BJ84" s="319"/>
      <c r="BK84" s="162"/>
      <c r="BM84" s="146"/>
      <c r="BN84" s="146"/>
    </row>
    <row r="85" spans="4:66" ht="19.5" customHeight="1">
      <c r="D85" s="308"/>
      <c r="E85" s="309"/>
      <c r="F85" s="309"/>
      <c r="G85" s="310"/>
      <c r="H85" s="4"/>
      <c r="J85" s="5"/>
      <c r="K85" s="193"/>
      <c r="L85" s="195"/>
      <c r="M85" s="326" t="s">
        <v>91</v>
      </c>
      <c r="N85" s="208"/>
      <c r="O85" s="208"/>
      <c r="P85" s="208"/>
      <c r="Q85" s="208"/>
      <c r="R85" s="208"/>
      <c r="S85" s="327"/>
      <c r="T85" s="146"/>
      <c r="U85" s="208"/>
      <c r="V85" s="208"/>
      <c r="W85" s="208"/>
      <c r="X85" s="208"/>
      <c r="Y85" s="208"/>
      <c r="Z85" s="208"/>
      <c r="AA85" s="110" t="s">
        <v>93</v>
      </c>
      <c r="AB85" s="159"/>
      <c r="AC85" s="146"/>
      <c r="AD85" s="208"/>
      <c r="AE85" s="208"/>
      <c r="AF85" s="208"/>
      <c r="AG85" s="208"/>
      <c r="AH85" s="208"/>
      <c r="AI85" s="208"/>
      <c r="AJ85" s="110" t="s">
        <v>93</v>
      </c>
      <c r="AK85" s="159"/>
      <c r="AL85" s="146"/>
      <c r="AM85" s="208"/>
      <c r="AN85" s="208"/>
      <c r="AO85" s="208"/>
      <c r="AP85" s="208"/>
      <c r="AQ85" s="208"/>
      <c r="AR85" s="208"/>
      <c r="AS85" s="110" t="s">
        <v>93</v>
      </c>
      <c r="AT85" s="159"/>
      <c r="AU85" s="146"/>
      <c r="AV85" s="208"/>
      <c r="AW85" s="208"/>
      <c r="AX85" s="208"/>
      <c r="AY85" s="208"/>
      <c r="AZ85" s="208"/>
      <c r="BA85" s="208"/>
      <c r="BB85" s="110" t="s">
        <v>93</v>
      </c>
      <c r="BC85" s="159"/>
      <c r="BD85" s="320"/>
      <c r="BE85" s="321"/>
      <c r="BF85" s="321"/>
      <c r="BG85" s="321"/>
      <c r="BH85" s="321"/>
      <c r="BI85" s="321"/>
      <c r="BJ85" s="322"/>
      <c r="BK85" s="162"/>
      <c r="BM85" s="146"/>
      <c r="BN85" s="146"/>
    </row>
    <row r="86" spans="4:66" ht="24.75" customHeight="1">
      <c r="D86" s="308"/>
      <c r="E86" s="309"/>
      <c r="F86" s="309"/>
      <c r="G86" s="310"/>
      <c r="H86" s="4"/>
      <c r="J86" s="5"/>
      <c r="K86" s="324" t="s">
        <v>87</v>
      </c>
      <c r="L86" s="206"/>
      <c r="M86" s="262"/>
      <c r="N86" s="262"/>
      <c r="O86" s="262"/>
      <c r="P86" s="262"/>
      <c r="Q86" s="262"/>
      <c r="R86" s="262"/>
      <c r="S86" s="285"/>
      <c r="T86" s="284" t="s">
        <v>88</v>
      </c>
      <c r="U86" s="262"/>
      <c r="V86" s="262"/>
      <c r="W86" s="262"/>
      <c r="X86" s="262"/>
      <c r="Y86" s="262"/>
      <c r="Z86" s="262"/>
      <c r="AA86" s="262"/>
      <c r="AB86" s="285"/>
      <c r="AC86" s="284" t="s">
        <v>245</v>
      </c>
      <c r="AD86" s="262"/>
      <c r="AE86" s="262"/>
      <c r="AF86" s="262"/>
      <c r="AG86" s="262"/>
      <c r="AH86" s="262"/>
      <c r="AI86" s="262"/>
      <c r="AJ86" s="262"/>
      <c r="AK86" s="285"/>
      <c r="AL86" s="284" t="s">
        <v>89</v>
      </c>
      <c r="AM86" s="262"/>
      <c r="AN86" s="262"/>
      <c r="AO86" s="262"/>
      <c r="AP86" s="262"/>
      <c r="AQ86" s="262"/>
      <c r="AR86" s="262"/>
      <c r="AS86" s="262"/>
      <c r="AT86" s="285"/>
      <c r="AU86" s="284" t="s">
        <v>49</v>
      </c>
      <c r="AV86" s="262"/>
      <c r="AW86" s="262"/>
      <c r="AX86" s="262"/>
      <c r="AY86" s="262"/>
      <c r="AZ86" s="262"/>
      <c r="BA86" s="262"/>
      <c r="BB86" s="262"/>
      <c r="BC86" s="285"/>
      <c r="BD86" s="284" t="s">
        <v>244</v>
      </c>
      <c r="BE86" s="262"/>
      <c r="BF86" s="262"/>
      <c r="BG86" s="262"/>
      <c r="BH86" s="262"/>
      <c r="BI86" s="262"/>
      <c r="BJ86" s="285"/>
      <c r="BK86" s="162"/>
      <c r="BM86" s="146"/>
      <c r="BN86" s="146"/>
    </row>
    <row r="87" spans="4:66" ht="19.5" customHeight="1">
      <c r="D87" s="308"/>
      <c r="E87" s="309"/>
      <c r="F87" s="309"/>
      <c r="G87" s="310"/>
      <c r="H87" s="4"/>
      <c r="J87" s="5"/>
      <c r="K87" s="4"/>
      <c r="L87" s="5"/>
      <c r="M87" s="324" t="s">
        <v>90</v>
      </c>
      <c r="N87" s="206"/>
      <c r="O87" s="206"/>
      <c r="P87" s="206"/>
      <c r="Q87" s="206"/>
      <c r="R87" s="206"/>
      <c r="S87" s="325"/>
      <c r="T87" s="145"/>
      <c r="U87" s="330"/>
      <c r="V87" s="330"/>
      <c r="W87" s="330"/>
      <c r="X87" s="330"/>
      <c r="Y87" s="330"/>
      <c r="Z87" s="330"/>
      <c r="AA87" s="185" t="s">
        <v>92</v>
      </c>
      <c r="AB87" s="158"/>
      <c r="AC87" s="185"/>
      <c r="AD87" s="330"/>
      <c r="AE87" s="330"/>
      <c r="AF87" s="330"/>
      <c r="AG87" s="330"/>
      <c r="AH87" s="330"/>
      <c r="AI87" s="330"/>
      <c r="AJ87" s="185" t="s">
        <v>92</v>
      </c>
      <c r="AK87" s="158"/>
      <c r="AL87" s="185"/>
      <c r="AM87" s="330"/>
      <c r="AN87" s="330"/>
      <c r="AO87" s="330"/>
      <c r="AP87" s="330"/>
      <c r="AQ87" s="330"/>
      <c r="AR87" s="330"/>
      <c r="AS87" s="185" t="s">
        <v>92</v>
      </c>
      <c r="AT87" s="158"/>
      <c r="AU87" s="160"/>
      <c r="AV87" s="160"/>
      <c r="AW87" s="197"/>
      <c r="AX87" s="197"/>
      <c r="AY87" s="197"/>
      <c r="AZ87" s="197"/>
      <c r="BA87" s="197"/>
      <c r="BB87" s="185"/>
      <c r="BC87" s="158"/>
      <c r="BD87" s="1"/>
      <c r="BE87" s="197"/>
      <c r="BF87" s="160"/>
      <c r="BG87" s="160"/>
      <c r="BH87" s="197"/>
      <c r="BI87" s="197"/>
      <c r="BJ87" s="2"/>
      <c r="BK87" s="162"/>
      <c r="BM87" s="146"/>
      <c r="BN87" s="146"/>
    </row>
    <row r="88" spans="4:66" ht="19.5" customHeight="1">
      <c r="D88" s="308"/>
      <c r="E88" s="309"/>
      <c r="F88" s="309"/>
      <c r="G88" s="310"/>
      <c r="H88" s="4"/>
      <c r="J88" s="5"/>
      <c r="K88" s="4"/>
      <c r="L88" s="5"/>
      <c r="M88" s="331" t="s">
        <v>91</v>
      </c>
      <c r="N88" s="207"/>
      <c r="O88" s="207"/>
      <c r="P88" s="207"/>
      <c r="Q88" s="207"/>
      <c r="R88" s="207"/>
      <c r="S88" s="328"/>
      <c r="T88" s="146"/>
      <c r="U88" s="332"/>
      <c r="V88" s="332"/>
      <c r="W88" s="332"/>
      <c r="X88" s="332"/>
      <c r="Y88" s="332"/>
      <c r="Z88" s="332"/>
      <c r="AA88" s="110" t="s">
        <v>93</v>
      </c>
      <c r="AB88" s="159"/>
      <c r="AC88" s="110"/>
      <c r="AD88" s="332"/>
      <c r="AE88" s="332"/>
      <c r="AF88" s="332"/>
      <c r="AG88" s="332"/>
      <c r="AH88" s="332"/>
      <c r="AI88" s="332"/>
      <c r="AJ88" s="110" t="s">
        <v>93</v>
      </c>
      <c r="AK88" s="159"/>
      <c r="AL88" s="110"/>
      <c r="AM88" s="332"/>
      <c r="AN88" s="332"/>
      <c r="AO88" s="332"/>
      <c r="AP88" s="332"/>
      <c r="AQ88" s="332"/>
      <c r="AR88" s="332"/>
      <c r="AS88" s="110" t="s">
        <v>93</v>
      </c>
      <c r="AT88" s="159"/>
      <c r="AU88" s="162"/>
      <c r="AV88" s="332"/>
      <c r="AW88" s="332"/>
      <c r="AX88" s="332"/>
      <c r="AY88" s="332"/>
      <c r="AZ88" s="332"/>
      <c r="BA88" s="332"/>
      <c r="BB88" s="110" t="s">
        <v>93</v>
      </c>
      <c r="BC88" s="159"/>
      <c r="BD88" s="4"/>
      <c r="BE88" s="207"/>
      <c r="BF88" s="207"/>
      <c r="BG88" s="207"/>
      <c r="BH88" s="207"/>
      <c r="BI88" s="110" t="s">
        <v>93</v>
      </c>
      <c r="BJ88" s="159"/>
      <c r="BK88" s="162"/>
      <c r="BM88" s="146"/>
      <c r="BN88" s="146"/>
    </row>
    <row r="89" spans="4:66" ht="19.5" customHeight="1">
      <c r="D89" s="308"/>
      <c r="E89" s="309"/>
      <c r="F89" s="309"/>
      <c r="G89" s="310"/>
      <c r="H89" s="42"/>
      <c r="I89" s="192"/>
      <c r="J89" s="85"/>
      <c r="K89" s="42"/>
      <c r="L89" s="192"/>
      <c r="M89" s="42"/>
      <c r="N89" s="192"/>
      <c r="O89" s="192"/>
      <c r="P89" s="192"/>
      <c r="Q89" s="192"/>
      <c r="R89" s="192"/>
      <c r="S89" s="195"/>
      <c r="T89" s="164"/>
      <c r="U89" s="147"/>
      <c r="V89" s="147"/>
      <c r="W89" s="147"/>
      <c r="X89" s="147"/>
      <c r="Y89" s="147"/>
      <c r="Z89" s="130"/>
      <c r="AA89" s="130"/>
      <c r="AB89" s="114"/>
      <c r="AC89" s="130"/>
      <c r="AD89" s="130"/>
      <c r="AE89" s="130"/>
      <c r="AF89" s="130"/>
      <c r="AG89" s="208"/>
      <c r="AH89" s="208"/>
      <c r="AI89" s="208"/>
      <c r="AJ89" s="130"/>
      <c r="AK89" s="199"/>
      <c r="AL89" s="65" t="s">
        <v>94</v>
      </c>
      <c r="AM89" s="130"/>
      <c r="AN89" s="130"/>
      <c r="AO89" s="130"/>
      <c r="AP89" s="208"/>
      <c r="AQ89" s="208"/>
      <c r="AR89" s="208"/>
      <c r="AS89" s="130" t="s">
        <v>95</v>
      </c>
      <c r="AT89" s="199"/>
      <c r="AU89" s="43"/>
      <c r="AV89" s="199"/>
      <c r="AW89" s="199"/>
      <c r="AX89" s="199"/>
      <c r="AY89" s="199"/>
      <c r="AZ89" s="199"/>
      <c r="BA89" s="199"/>
      <c r="BB89" s="147"/>
      <c r="BC89" s="165"/>
      <c r="BD89" s="65"/>
      <c r="BE89" s="199"/>
      <c r="BF89" s="199"/>
      <c r="BG89" s="199"/>
      <c r="BH89" s="194"/>
      <c r="BI89" s="194"/>
      <c r="BJ89" s="195"/>
      <c r="BK89" s="52"/>
      <c r="BM89" s="146"/>
      <c r="BN89" s="146"/>
    </row>
    <row r="90" spans="4:66" ht="27.75" customHeight="1">
      <c r="D90" s="308"/>
      <c r="E90" s="309"/>
      <c r="F90" s="309"/>
      <c r="G90" s="310"/>
      <c r="H90" s="284" t="s">
        <v>239</v>
      </c>
      <c r="I90" s="262"/>
      <c r="J90" s="262"/>
      <c r="K90" s="262"/>
      <c r="L90" s="262"/>
      <c r="M90" s="262"/>
      <c r="N90" s="262"/>
      <c r="O90" s="262"/>
      <c r="P90" s="262"/>
      <c r="Q90" s="262"/>
      <c r="R90" s="262"/>
      <c r="S90" s="262"/>
      <c r="T90" s="25"/>
      <c r="U90" s="262" t="s">
        <v>339</v>
      </c>
      <c r="V90" s="262"/>
      <c r="W90" s="262"/>
      <c r="X90" s="262"/>
      <c r="Y90" s="262"/>
      <c r="Z90" s="262"/>
      <c r="AA90" s="262"/>
      <c r="AB90" s="539" t="s">
        <v>308</v>
      </c>
      <c r="AC90" s="539"/>
      <c r="AD90" s="540"/>
      <c r="AE90" s="304" t="s">
        <v>146</v>
      </c>
      <c r="AF90" s="262"/>
      <c r="AG90" s="262"/>
      <c r="AH90" s="54"/>
      <c r="AI90" s="108" t="s">
        <v>241</v>
      </c>
      <c r="AJ90" s="155"/>
      <c r="AK90" s="323" t="s">
        <v>240</v>
      </c>
      <c r="AL90" s="323"/>
      <c r="AM90" s="323"/>
      <c r="AN90" s="323"/>
      <c r="AO90" s="323"/>
      <c r="AP90" s="323"/>
      <c r="AQ90" s="323"/>
      <c r="AR90" s="323"/>
      <c r="AS90" s="323"/>
      <c r="AT90" s="323"/>
      <c r="AU90" s="323"/>
      <c r="AV90" s="323"/>
      <c r="AW90" s="323"/>
      <c r="AX90" s="323"/>
      <c r="AY90" s="323"/>
      <c r="AZ90" s="323"/>
      <c r="BA90" s="323"/>
      <c r="BB90" s="323"/>
      <c r="BC90" s="323"/>
      <c r="BD90" s="155"/>
      <c r="BE90" s="262" t="s">
        <v>309</v>
      </c>
      <c r="BF90" s="262"/>
      <c r="BG90" s="262"/>
      <c r="BH90" s="262"/>
      <c r="BI90" s="262"/>
      <c r="BJ90" s="285"/>
      <c r="BK90" s="52"/>
      <c r="BM90" s="146"/>
      <c r="BN90" s="146"/>
    </row>
    <row r="91" spans="4:66" ht="25.5" customHeight="1">
      <c r="D91" s="308"/>
      <c r="E91" s="309"/>
      <c r="F91" s="309"/>
      <c r="G91" s="310"/>
      <c r="H91" s="324" t="s">
        <v>1</v>
      </c>
      <c r="I91" s="206"/>
      <c r="J91" s="206"/>
      <c r="K91" s="206"/>
      <c r="L91" s="206"/>
      <c r="M91" s="206"/>
      <c r="N91" s="206"/>
      <c r="O91" s="206"/>
      <c r="P91" s="206"/>
      <c r="Q91" s="206"/>
      <c r="R91" s="206"/>
      <c r="S91" s="325"/>
      <c r="U91" s="146"/>
      <c r="V91" s="206" t="s">
        <v>327</v>
      </c>
      <c r="W91" s="206"/>
      <c r="X91" s="206"/>
      <c r="Y91" s="206"/>
      <c r="Z91" s="197"/>
      <c r="AA91" s="197"/>
      <c r="AB91" s="206" t="s">
        <v>328</v>
      </c>
      <c r="AC91" s="206"/>
      <c r="AD91" s="206"/>
      <c r="AE91" s="206"/>
      <c r="AF91" s="206"/>
      <c r="AG91" s="206"/>
      <c r="AH91" s="206"/>
      <c r="AI91" s="206"/>
      <c r="AJ91" s="206"/>
      <c r="AK91" s="206"/>
      <c r="AL91" s="206"/>
      <c r="AM91" s="197"/>
      <c r="AN91" s="197"/>
      <c r="AO91" s="206" t="s">
        <v>329</v>
      </c>
      <c r="AP91" s="206"/>
      <c r="AQ91" s="206"/>
      <c r="AR91" s="206"/>
      <c r="AS91" s="206"/>
      <c r="AT91" s="197"/>
      <c r="AU91" s="197"/>
      <c r="AV91" s="2"/>
      <c r="AW91" s="324"/>
      <c r="AX91" s="206"/>
      <c r="AY91" s="206"/>
      <c r="AZ91" s="206"/>
      <c r="BA91" s="206" t="s">
        <v>282</v>
      </c>
      <c r="BB91" s="206"/>
      <c r="BC91" s="206"/>
      <c r="BD91" s="206"/>
      <c r="BE91" s="206"/>
      <c r="BF91" s="206"/>
      <c r="BG91" s="206"/>
      <c r="BH91" s="206" t="s">
        <v>96</v>
      </c>
      <c r="BI91" s="206"/>
      <c r="BJ91" s="325"/>
      <c r="BK91" s="162"/>
      <c r="BM91" s="146"/>
      <c r="BN91" s="146"/>
    </row>
    <row r="92" spans="4:66" ht="25.5" customHeight="1">
      <c r="D92" s="308"/>
      <c r="E92" s="309"/>
      <c r="F92" s="309"/>
      <c r="G92" s="310"/>
      <c r="H92" s="326"/>
      <c r="I92" s="208"/>
      <c r="J92" s="208"/>
      <c r="K92" s="208"/>
      <c r="L92" s="208"/>
      <c r="M92" s="208"/>
      <c r="N92" s="208"/>
      <c r="O92" s="208"/>
      <c r="P92" s="208"/>
      <c r="Q92" s="208"/>
      <c r="R92" s="208"/>
      <c r="S92" s="327"/>
      <c r="T92" s="147"/>
      <c r="U92" s="147"/>
      <c r="V92" s="208" t="s">
        <v>330</v>
      </c>
      <c r="W92" s="208"/>
      <c r="X92" s="208"/>
      <c r="Y92" s="208"/>
      <c r="Z92" s="194"/>
      <c r="AA92" s="194"/>
      <c r="AB92" s="208" t="s">
        <v>333</v>
      </c>
      <c r="AC92" s="208"/>
      <c r="AD92" s="208"/>
      <c r="AE92" s="208"/>
      <c r="AF92" s="208"/>
      <c r="AG92" s="208"/>
      <c r="AH92" s="208"/>
      <c r="AI92" s="208"/>
      <c r="AJ92" s="208"/>
      <c r="AK92" s="208"/>
      <c r="AL92" s="208"/>
      <c r="AM92" s="208"/>
      <c r="AN92" s="208"/>
      <c r="AO92" s="208"/>
      <c r="AP92" s="208"/>
      <c r="AQ92" s="208"/>
      <c r="AR92" s="208"/>
      <c r="AS92" s="208" t="s">
        <v>332</v>
      </c>
      <c r="AT92" s="208"/>
      <c r="AU92" s="194"/>
      <c r="AV92" s="195"/>
      <c r="AW92" s="326"/>
      <c r="AX92" s="208"/>
      <c r="AY92" s="208"/>
      <c r="AZ92" s="208"/>
      <c r="BA92" s="208"/>
      <c r="BB92" s="208"/>
      <c r="BC92" s="208"/>
      <c r="BD92" s="208"/>
      <c r="BE92" s="208"/>
      <c r="BF92" s="208"/>
      <c r="BG92" s="208"/>
      <c r="BH92" s="208"/>
      <c r="BI92" s="208"/>
      <c r="BJ92" s="327"/>
      <c r="BK92" s="162"/>
      <c r="BM92" s="146"/>
      <c r="BN92" s="146"/>
    </row>
    <row r="93" spans="4:66" ht="30" customHeight="1">
      <c r="D93" s="308"/>
      <c r="E93" s="309"/>
      <c r="F93" s="309"/>
      <c r="G93" s="310"/>
      <c r="H93" s="284" t="s">
        <v>97</v>
      </c>
      <c r="I93" s="262"/>
      <c r="J93" s="262"/>
      <c r="K93" s="262"/>
      <c r="L93" s="262"/>
      <c r="M93" s="262"/>
      <c r="N93" s="262"/>
      <c r="O93" s="262"/>
      <c r="P93" s="262"/>
      <c r="Q93" s="262"/>
      <c r="R93" s="262"/>
      <c r="S93" s="285"/>
      <c r="T93" s="25"/>
      <c r="U93" s="262" t="s">
        <v>334</v>
      </c>
      <c r="V93" s="262"/>
      <c r="W93" s="262"/>
      <c r="X93" s="262"/>
      <c r="Y93" s="262"/>
      <c r="Z93" s="26"/>
      <c r="AA93" s="26"/>
      <c r="AB93" s="262" t="s">
        <v>335</v>
      </c>
      <c r="AC93" s="262"/>
      <c r="AD93" s="262"/>
      <c r="AE93" s="262"/>
      <c r="AF93" s="262"/>
      <c r="AG93" s="26"/>
      <c r="AH93" s="26"/>
      <c r="AI93" s="262" t="s">
        <v>336</v>
      </c>
      <c r="AJ93" s="262"/>
      <c r="AK93" s="262"/>
      <c r="AL93" s="262"/>
      <c r="AM93" s="262"/>
      <c r="AN93" s="262"/>
      <c r="AO93" s="26"/>
      <c r="AP93" s="26"/>
      <c r="AQ93" s="262" t="s">
        <v>337</v>
      </c>
      <c r="AR93" s="262"/>
      <c r="AS93" s="262"/>
      <c r="AT93" s="262"/>
      <c r="AU93" s="262"/>
      <c r="AV93" s="262"/>
      <c r="AW93" s="26"/>
      <c r="AX93" s="26"/>
      <c r="AY93" s="262" t="s">
        <v>333</v>
      </c>
      <c r="AZ93" s="262"/>
      <c r="BA93" s="262"/>
      <c r="BB93" s="262"/>
      <c r="BC93" s="262"/>
      <c r="BD93" s="262"/>
      <c r="BE93" s="262"/>
      <c r="BF93" s="262"/>
      <c r="BG93" s="262"/>
      <c r="BH93" s="262"/>
      <c r="BI93" s="262" t="s">
        <v>338</v>
      </c>
      <c r="BJ93" s="285"/>
      <c r="BK93" s="162"/>
      <c r="BM93" s="146"/>
      <c r="BN93" s="146"/>
    </row>
    <row r="94" spans="4:66" ht="30" customHeight="1">
      <c r="D94" s="308"/>
      <c r="E94" s="309"/>
      <c r="F94" s="309"/>
      <c r="G94" s="310"/>
      <c r="H94" s="284" t="s">
        <v>275</v>
      </c>
      <c r="I94" s="262"/>
      <c r="J94" s="262"/>
      <c r="K94" s="262"/>
      <c r="L94" s="262"/>
      <c r="M94" s="262"/>
      <c r="N94" s="262"/>
      <c r="O94" s="262"/>
      <c r="P94" s="262"/>
      <c r="Q94" s="262"/>
      <c r="R94" s="262"/>
      <c r="S94" s="285"/>
      <c r="T94" s="25"/>
      <c r="U94" s="262" t="s">
        <v>310</v>
      </c>
      <c r="V94" s="262"/>
      <c r="W94" s="262"/>
      <c r="X94" s="262"/>
      <c r="Y94" s="262"/>
      <c r="Z94" s="262" t="s">
        <v>311</v>
      </c>
      <c r="AA94" s="262"/>
      <c r="AB94" s="262"/>
      <c r="AC94" s="262"/>
      <c r="AD94" s="262"/>
      <c r="AE94" s="262"/>
      <c r="AF94" s="262"/>
      <c r="AG94" s="262" t="s">
        <v>312</v>
      </c>
      <c r="AH94" s="262"/>
      <c r="AI94" s="262"/>
      <c r="AJ94" s="262" t="s">
        <v>313</v>
      </c>
      <c r="AK94" s="262"/>
      <c r="AL94" s="262"/>
      <c r="AM94" s="262"/>
      <c r="AN94" s="262"/>
      <c r="AO94" s="262"/>
      <c r="AP94" s="262"/>
      <c r="AQ94" s="262"/>
      <c r="AR94" s="262"/>
      <c r="AS94" s="262"/>
      <c r="AT94" s="262"/>
      <c r="AU94" s="262"/>
      <c r="AV94" s="262" t="s">
        <v>314</v>
      </c>
      <c r="AW94" s="262"/>
      <c r="AX94" s="262"/>
      <c r="AY94" s="262"/>
      <c r="AZ94" s="262"/>
      <c r="BA94" s="26"/>
      <c r="BB94" s="26"/>
      <c r="BC94" s="26"/>
      <c r="BD94" s="26"/>
      <c r="BE94" s="26"/>
      <c r="BF94" s="26"/>
      <c r="BG94" s="26"/>
      <c r="BH94" s="26"/>
      <c r="BI94" s="26"/>
      <c r="BJ94" s="27"/>
      <c r="BK94" s="162"/>
      <c r="BM94" s="146"/>
      <c r="BN94" s="146"/>
    </row>
    <row r="95" spans="4:66" ht="30" customHeight="1">
      <c r="D95" s="308"/>
      <c r="E95" s="309"/>
      <c r="F95" s="309"/>
      <c r="G95" s="310"/>
      <c r="H95" s="284" t="s">
        <v>276</v>
      </c>
      <c r="I95" s="262"/>
      <c r="J95" s="262"/>
      <c r="K95" s="262"/>
      <c r="L95" s="262"/>
      <c r="M95" s="262"/>
      <c r="N95" s="262"/>
      <c r="O95" s="262"/>
      <c r="P95" s="262"/>
      <c r="Q95" s="262"/>
      <c r="R95" s="262"/>
      <c r="S95" s="285"/>
      <c r="T95" s="25"/>
      <c r="U95" s="262" t="s">
        <v>408</v>
      </c>
      <c r="V95" s="262"/>
      <c r="W95" s="262"/>
      <c r="X95" s="262" t="s">
        <v>341</v>
      </c>
      <c r="Y95" s="262"/>
      <c r="Z95" s="262" t="s">
        <v>409</v>
      </c>
      <c r="AA95" s="262"/>
      <c r="AB95" s="262"/>
      <c r="AC95" s="262" t="s">
        <v>410</v>
      </c>
      <c r="AD95" s="262"/>
      <c r="AE95" s="262" t="s">
        <v>411</v>
      </c>
      <c r="AF95" s="262"/>
      <c r="AG95" s="262"/>
      <c r="AH95" s="262"/>
      <c r="AI95" s="262"/>
      <c r="AJ95" s="262"/>
      <c r="AK95" s="262"/>
      <c r="AL95" s="262"/>
      <c r="AM95" s="262" t="s">
        <v>2</v>
      </c>
      <c r="AN95" s="262"/>
      <c r="AO95" s="262"/>
      <c r="AP95" s="262"/>
      <c r="AQ95" s="262"/>
      <c r="AR95" s="262"/>
      <c r="AS95" s="262" t="s">
        <v>412</v>
      </c>
      <c r="AT95" s="262"/>
      <c r="AU95" s="26"/>
      <c r="AV95" s="26"/>
      <c r="AW95" s="26"/>
      <c r="AX95" s="26"/>
      <c r="AY95" s="26"/>
      <c r="AZ95" s="26"/>
      <c r="BA95" s="26"/>
      <c r="BB95" s="26"/>
      <c r="BC95" s="26"/>
      <c r="BD95" s="26"/>
      <c r="BE95" s="26"/>
      <c r="BF95" s="26"/>
      <c r="BG95" s="26"/>
      <c r="BH95" s="26"/>
      <c r="BI95" s="26"/>
      <c r="BJ95" s="27"/>
      <c r="BK95" s="162"/>
      <c r="BM95" s="146"/>
      <c r="BN95" s="146"/>
    </row>
    <row r="96" spans="4:66" ht="30" customHeight="1">
      <c r="D96" s="311"/>
      <c r="E96" s="312"/>
      <c r="F96" s="312"/>
      <c r="G96" s="313"/>
      <c r="H96" s="326" t="s">
        <v>150</v>
      </c>
      <c r="I96" s="208"/>
      <c r="J96" s="208"/>
      <c r="K96" s="208"/>
      <c r="L96" s="208"/>
      <c r="M96" s="208"/>
      <c r="N96" s="208"/>
      <c r="O96" s="208"/>
      <c r="P96" s="208"/>
      <c r="Q96" s="208"/>
      <c r="R96" s="208"/>
      <c r="S96" s="327"/>
      <c r="T96" s="25"/>
      <c r="U96" s="262" t="s">
        <v>342</v>
      </c>
      <c r="V96" s="262"/>
      <c r="W96" s="262"/>
      <c r="X96" s="262"/>
      <c r="Y96" s="26"/>
      <c r="Z96" s="26"/>
      <c r="AA96" s="262" t="s">
        <v>343</v>
      </c>
      <c r="AB96" s="262"/>
      <c r="AC96" s="262"/>
      <c r="AD96" s="262"/>
      <c r="AE96" s="262"/>
      <c r="AF96" s="262"/>
      <c r="AG96" s="26"/>
      <c r="AH96" s="26"/>
      <c r="AI96" s="262" t="s">
        <v>344</v>
      </c>
      <c r="AJ96" s="262"/>
      <c r="AK96" s="262"/>
      <c r="AL96" s="262"/>
      <c r="AM96" s="26"/>
      <c r="AN96" s="26"/>
      <c r="AO96" s="262" t="s">
        <v>345</v>
      </c>
      <c r="AP96" s="262"/>
      <c r="AQ96" s="262"/>
      <c r="AR96" s="262"/>
      <c r="AS96" s="26"/>
      <c r="AT96" s="26"/>
      <c r="AU96" s="262" t="s">
        <v>346</v>
      </c>
      <c r="AV96" s="262"/>
      <c r="AW96" s="262"/>
      <c r="AX96" s="262"/>
      <c r="AY96" s="262"/>
      <c r="AZ96" s="262"/>
      <c r="BA96" s="262"/>
      <c r="BB96" s="262"/>
      <c r="BC96" s="262"/>
      <c r="BD96" s="26"/>
      <c r="BE96" s="26"/>
      <c r="BF96" s="262" t="s">
        <v>331</v>
      </c>
      <c r="BG96" s="262"/>
      <c r="BH96" s="262"/>
      <c r="BI96" s="262"/>
      <c r="BJ96" s="27"/>
      <c r="BK96" s="162"/>
      <c r="BM96" s="146"/>
      <c r="BN96" s="146"/>
    </row>
    <row r="97" spans="4:78" ht="30" customHeight="1">
      <c r="D97" s="4" t="s">
        <v>5</v>
      </c>
      <c r="E97" s="207" t="s">
        <v>271</v>
      </c>
      <c r="F97" s="207"/>
      <c r="G97" s="463" t="s">
        <v>98</v>
      </c>
      <c r="H97" s="463"/>
      <c r="I97" s="463"/>
      <c r="J97" s="463"/>
      <c r="K97" s="463"/>
      <c r="L97" s="463"/>
      <c r="M97" s="463"/>
      <c r="N97" s="463"/>
      <c r="O97" s="463"/>
      <c r="P97" s="463"/>
      <c r="Q97" s="463"/>
      <c r="R97" s="463"/>
      <c r="S97" s="5"/>
      <c r="T97" s="412" t="s">
        <v>99</v>
      </c>
      <c r="U97" s="413"/>
      <c r="V97" s="413"/>
      <c r="W97" s="413"/>
      <c r="X97" s="413"/>
      <c r="Y97" s="413"/>
      <c r="Z97" s="413"/>
      <c r="AA97" s="413"/>
      <c r="AB97" s="413"/>
      <c r="AC97" s="413"/>
      <c r="AD97" s="413"/>
      <c r="AE97" s="413"/>
      <c r="AF97" s="413"/>
      <c r="AG97" s="498"/>
      <c r="AH97" s="499" t="s">
        <v>100</v>
      </c>
      <c r="AI97" s="413"/>
      <c r="AJ97" s="413"/>
      <c r="AK97" s="413"/>
      <c r="AL97" s="413"/>
      <c r="AM97" s="413"/>
      <c r="AN97" s="413"/>
      <c r="AO97" s="413"/>
      <c r="AP97" s="413"/>
      <c r="AQ97" s="413"/>
      <c r="AR97" s="413"/>
      <c r="AS97" s="413"/>
      <c r="AT97" s="413"/>
      <c r="AU97" s="413"/>
      <c r="AV97" s="498"/>
      <c r="AW97" s="499" t="s">
        <v>32</v>
      </c>
      <c r="AX97" s="413"/>
      <c r="AY97" s="413"/>
      <c r="AZ97" s="413"/>
      <c r="BA97" s="413"/>
      <c r="BB97" s="413"/>
      <c r="BC97" s="413"/>
      <c r="BD97" s="413"/>
      <c r="BE97" s="413"/>
      <c r="BF97" s="413"/>
      <c r="BG97" s="413"/>
      <c r="BH97" s="413"/>
      <c r="BI97" s="413"/>
      <c r="BJ97" s="414"/>
    </row>
    <row r="98" spans="4:78" ht="30" customHeight="1">
      <c r="D98" s="4"/>
      <c r="E98" s="146"/>
      <c r="F98" s="146"/>
      <c r="G98" s="111"/>
      <c r="H98" s="425" t="s">
        <v>27</v>
      </c>
      <c r="I98" s="398"/>
      <c r="J98" s="398"/>
      <c r="K98" s="398"/>
      <c r="L98" s="398"/>
      <c r="M98" s="398"/>
      <c r="N98" s="398"/>
      <c r="O98" s="398"/>
      <c r="P98" s="398"/>
      <c r="Q98" s="398"/>
      <c r="R98" s="398"/>
      <c r="S98" s="399"/>
      <c r="T98" s="189"/>
      <c r="U98" s="398"/>
      <c r="V98" s="398"/>
      <c r="W98" s="172" t="s">
        <v>30</v>
      </c>
      <c r="X98" s="398"/>
      <c r="Y98" s="398"/>
      <c r="Z98" s="398" t="s">
        <v>31</v>
      </c>
      <c r="AA98" s="398"/>
      <c r="AB98" s="398"/>
      <c r="AC98" s="398"/>
      <c r="AD98" s="172" t="s">
        <v>30</v>
      </c>
      <c r="AE98" s="398"/>
      <c r="AF98" s="398"/>
      <c r="AG98" s="8"/>
      <c r="AH98" s="190"/>
      <c r="AI98" s="398"/>
      <c r="AJ98" s="398"/>
      <c r="AK98" s="172" t="s">
        <v>30</v>
      </c>
      <c r="AL98" s="398"/>
      <c r="AM98" s="398"/>
      <c r="AN98" s="398" t="s">
        <v>31</v>
      </c>
      <c r="AO98" s="398"/>
      <c r="AP98" s="398"/>
      <c r="AQ98" s="398"/>
      <c r="AR98" s="172" t="s">
        <v>30</v>
      </c>
      <c r="AS98" s="398"/>
      <c r="AT98" s="398"/>
      <c r="AU98" s="190"/>
      <c r="AV98" s="8"/>
      <c r="AW98" s="425"/>
      <c r="AX98" s="398"/>
      <c r="AY98" s="398"/>
      <c r="AZ98" s="398"/>
      <c r="BA98" s="398"/>
      <c r="BB98" s="398"/>
      <c r="BC98" s="398"/>
      <c r="BD98" s="398"/>
      <c r="BE98" s="398"/>
      <c r="BF98" s="398"/>
      <c r="BG98" s="398"/>
      <c r="BH98" s="398"/>
      <c r="BI98" s="398"/>
      <c r="BJ98" s="399"/>
    </row>
    <row r="99" spans="4:78" ht="30" customHeight="1">
      <c r="D99" s="4"/>
      <c r="E99" s="146"/>
      <c r="F99" s="146"/>
      <c r="G99" s="111"/>
      <c r="H99" s="425" t="s">
        <v>28</v>
      </c>
      <c r="I99" s="398"/>
      <c r="J99" s="398"/>
      <c r="K99" s="398"/>
      <c r="L99" s="398"/>
      <c r="M99" s="398"/>
      <c r="N99" s="398"/>
      <c r="O99" s="398"/>
      <c r="P99" s="398"/>
      <c r="Q99" s="398"/>
      <c r="R99" s="398"/>
      <c r="S99" s="399"/>
      <c r="T99" s="189"/>
      <c r="U99" s="398"/>
      <c r="V99" s="398"/>
      <c r="W99" s="172" t="s">
        <v>30</v>
      </c>
      <c r="X99" s="398"/>
      <c r="Y99" s="398"/>
      <c r="Z99" s="398" t="s">
        <v>31</v>
      </c>
      <c r="AA99" s="398"/>
      <c r="AB99" s="398"/>
      <c r="AC99" s="398"/>
      <c r="AD99" s="172" t="s">
        <v>30</v>
      </c>
      <c r="AE99" s="398"/>
      <c r="AF99" s="398"/>
      <c r="AG99" s="8"/>
      <c r="AH99" s="190"/>
      <c r="AI99" s="398"/>
      <c r="AJ99" s="398"/>
      <c r="AK99" s="172" t="s">
        <v>30</v>
      </c>
      <c r="AL99" s="398"/>
      <c r="AM99" s="398"/>
      <c r="AN99" s="398" t="s">
        <v>31</v>
      </c>
      <c r="AO99" s="398"/>
      <c r="AP99" s="398"/>
      <c r="AQ99" s="398"/>
      <c r="AR99" s="172" t="s">
        <v>30</v>
      </c>
      <c r="AS99" s="398"/>
      <c r="AT99" s="398"/>
      <c r="AU99" s="190"/>
      <c r="AV99" s="8"/>
      <c r="AW99" s="425"/>
      <c r="AX99" s="398"/>
      <c r="AY99" s="398"/>
      <c r="AZ99" s="398"/>
      <c r="BA99" s="398"/>
      <c r="BB99" s="398"/>
      <c r="BC99" s="398"/>
      <c r="BD99" s="398"/>
      <c r="BE99" s="398"/>
      <c r="BF99" s="398"/>
      <c r="BG99" s="398"/>
      <c r="BH99" s="398"/>
      <c r="BI99" s="398"/>
      <c r="BJ99" s="399"/>
    </row>
    <row r="100" spans="4:78" ht="30" customHeight="1">
      <c r="D100" s="193"/>
      <c r="E100" s="147"/>
      <c r="F100" s="147"/>
      <c r="G100" s="9"/>
      <c r="H100" s="426" t="s">
        <v>29</v>
      </c>
      <c r="I100" s="404"/>
      <c r="J100" s="404"/>
      <c r="K100" s="404"/>
      <c r="L100" s="404"/>
      <c r="M100" s="404"/>
      <c r="N100" s="404"/>
      <c r="O100" s="404"/>
      <c r="P100" s="404"/>
      <c r="Q100" s="404"/>
      <c r="R100" s="404"/>
      <c r="S100" s="405"/>
      <c r="T100" s="6"/>
      <c r="U100" s="404"/>
      <c r="V100" s="404"/>
      <c r="W100" s="173" t="s">
        <v>30</v>
      </c>
      <c r="X100" s="404"/>
      <c r="Y100" s="404"/>
      <c r="Z100" s="404" t="s">
        <v>31</v>
      </c>
      <c r="AA100" s="404"/>
      <c r="AB100" s="404"/>
      <c r="AC100" s="404"/>
      <c r="AD100" s="173" t="s">
        <v>30</v>
      </c>
      <c r="AE100" s="404"/>
      <c r="AF100" s="404"/>
      <c r="AG100" s="10"/>
      <c r="AH100" s="174"/>
      <c r="AI100" s="404"/>
      <c r="AJ100" s="404"/>
      <c r="AK100" s="173" t="s">
        <v>30</v>
      </c>
      <c r="AL100" s="404"/>
      <c r="AM100" s="404"/>
      <c r="AN100" s="404" t="s">
        <v>31</v>
      </c>
      <c r="AO100" s="404"/>
      <c r="AP100" s="404"/>
      <c r="AQ100" s="404"/>
      <c r="AR100" s="173" t="s">
        <v>30</v>
      </c>
      <c r="AS100" s="404"/>
      <c r="AT100" s="404"/>
      <c r="AU100" s="174"/>
      <c r="AV100" s="10"/>
      <c r="AW100" s="426"/>
      <c r="AX100" s="404"/>
      <c r="AY100" s="404"/>
      <c r="AZ100" s="404"/>
      <c r="BA100" s="404"/>
      <c r="BB100" s="404"/>
      <c r="BC100" s="404"/>
      <c r="BD100" s="404"/>
      <c r="BE100" s="404"/>
      <c r="BF100" s="404"/>
      <c r="BG100" s="404"/>
      <c r="BH100" s="404"/>
      <c r="BI100" s="404"/>
      <c r="BJ100" s="405"/>
    </row>
    <row r="101" spans="4:78" ht="20.100000000000001" customHeight="1">
      <c r="D101" s="67"/>
      <c r="E101" s="67"/>
      <c r="F101" s="67"/>
      <c r="G101" s="67"/>
      <c r="H101" s="67"/>
      <c r="I101" s="67"/>
      <c r="J101" s="67"/>
      <c r="K101" s="67"/>
      <c r="L101" s="67"/>
      <c r="M101" s="67"/>
      <c r="N101" s="67"/>
      <c r="O101" s="67"/>
      <c r="U101" s="146"/>
      <c r="V101" s="146"/>
      <c r="X101" s="44"/>
      <c r="Y101" s="44"/>
      <c r="Z101" s="44"/>
      <c r="AA101" s="44"/>
      <c r="AB101" s="44"/>
      <c r="AC101" s="44"/>
      <c r="AD101" s="146"/>
      <c r="AF101" s="110"/>
      <c r="AH101" s="183"/>
      <c r="AJ101" s="183"/>
      <c r="AK101" s="183"/>
      <c r="AL101" s="183"/>
      <c r="AM101" s="146"/>
      <c r="AN101" s="146"/>
      <c r="AO101" s="146"/>
      <c r="AQ101" s="183"/>
      <c r="AS101" s="183"/>
      <c r="AT101" s="146"/>
      <c r="AU101" s="146"/>
      <c r="AV101" s="146"/>
      <c r="AX101" s="183"/>
      <c r="AZ101" s="38"/>
      <c r="BA101" s="38"/>
      <c r="BB101" s="13"/>
      <c r="BC101" s="200"/>
      <c r="BD101" s="200"/>
      <c r="BE101" s="200"/>
      <c r="BF101" s="200"/>
      <c r="BG101" s="200"/>
      <c r="BH101" s="200"/>
      <c r="BI101" s="200"/>
      <c r="BJ101" s="200"/>
      <c r="BL101" s="67"/>
      <c r="BM101" s="67"/>
      <c r="BN101" s="67"/>
      <c r="BO101" s="67"/>
      <c r="BP101" s="67"/>
      <c r="BQ101" s="67"/>
    </row>
    <row r="102" spans="4:78" ht="6" customHeight="1">
      <c r="D102" s="18"/>
      <c r="E102" s="18"/>
      <c r="F102" s="18"/>
      <c r="G102" s="18"/>
      <c r="H102" s="18"/>
      <c r="I102" s="18"/>
      <c r="J102" s="18"/>
      <c r="K102" s="18"/>
      <c r="L102" s="18"/>
      <c r="M102" s="18"/>
      <c r="N102" s="18"/>
      <c r="O102" s="18"/>
      <c r="P102" s="194"/>
      <c r="Q102" s="194"/>
      <c r="R102" s="194"/>
      <c r="S102" s="194"/>
      <c r="T102" s="194"/>
      <c r="U102" s="147"/>
      <c r="V102" s="147"/>
      <c r="W102" s="194"/>
      <c r="X102" s="196"/>
      <c r="Y102" s="196"/>
      <c r="Z102" s="196"/>
      <c r="AA102" s="196"/>
      <c r="AB102" s="196"/>
      <c r="AC102" s="196"/>
      <c r="AD102" s="147"/>
      <c r="AE102" s="194"/>
      <c r="AF102" s="130"/>
      <c r="AG102" s="194"/>
      <c r="AH102" s="192"/>
      <c r="AI102" s="194"/>
      <c r="AJ102" s="192"/>
      <c r="AK102" s="192"/>
      <c r="AL102" s="192"/>
      <c r="AM102" s="147"/>
      <c r="AN102" s="147"/>
      <c r="AO102" s="147"/>
      <c r="AP102" s="194"/>
      <c r="AQ102" s="192"/>
      <c r="AR102" s="194"/>
      <c r="AS102" s="192"/>
      <c r="AT102" s="147"/>
      <c r="AU102" s="147"/>
      <c r="AV102" s="147"/>
      <c r="AW102" s="194"/>
      <c r="AX102" s="192"/>
      <c r="AY102" s="194"/>
      <c r="AZ102" s="40"/>
      <c r="BA102" s="40"/>
      <c r="BB102" s="14"/>
      <c r="BC102" s="201"/>
      <c r="BD102" s="201"/>
      <c r="BE102" s="201"/>
      <c r="BF102" s="201"/>
      <c r="BG102" s="201"/>
      <c r="BH102" s="201"/>
      <c r="BI102" s="201"/>
      <c r="BJ102" s="201"/>
      <c r="BL102" s="67"/>
      <c r="BM102" s="67"/>
      <c r="BN102" s="67"/>
      <c r="BO102" s="67"/>
      <c r="BP102" s="67"/>
      <c r="BQ102" s="67"/>
    </row>
    <row r="103" spans="4:78" ht="21.75" customHeight="1">
      <c r="D103" s="4" t="s">
        <v>5</v>
      </c>
      <c r="E103" s="206" t="s">
        <v>168</v>
      </c>
      <c r="F103" s="206"/>
      <c r="G103" s="535" t="s">
        <v>359</v>
      </c>
      <c r="H103" s="535"/>
      <c r="I103" s="535"/>
      <c r="J103" s="535"/>
      <c r="K103" s="535"/>
      <c r="L103" s="535"/>
      <c r="M103" s="535"/>
      <c r="N103" s="535"/>
      <c r="O103" s="535"/>
      <c r="P103" s="535"/>
      <c r="Q103" s="535"/>
      <c r="R103" s="535"/>
      <c r="T103" s="161"/>
      <c r="U103" s="523" t="s">
        <v>347</v>
      </c>
      <c r="V103" s="523"/>
      <c r="W103" s="523"/>
      <c r="X103" s="523"/>
      <c r="Y103" s="523"/>
      <c r="Z103" s="523"/>
      <c r="AA103" s="523"/>
      <c r="AB103" s="523"/>
      <c r="AE103" s="523" t="s">
        <v>50</v>
      </c>
      <c r="AF103" s="523"/>
      <c r="AG103" s="523"/>
      <c r="AH103" s="523"/>
      <c r="AI103" s="523"/>
      <c r="AJ103" s="523"/>
      <c r="AK103" s="206"/>
      <c r="AL103" s="206"/>
      <c r="AM103" s="206"/>
      <c r="AN103" s="198" t="s">
        <v>36</v>
      </c>
      <c r="AP103" s="206"/>
      <c r="AQ103" s="206"/>
      <c r="AR103" s="541" t="s">
        <v>350</v>
      </c>
      <c r="AS103" s="541"/>
      <c r="AT103" s="541"/>
      <c r="AU103" s="541"/>
      <c r="AV103" s="206"/>
      <c r="AW103" s="206"/>
      <c r="AX103" s="330" t="s">
        <v>51</v>
      </c>
      <c r="AY103" s="330"/>
      <c r="AZ103" s="527"/>
      <c r="BA103" s="11" t="s">
        <v>37</v>
      </c>
      <c r="BB103" s="12"/>
      <c r="BC103" s="531" t="s">
        <v>81</v>
      </c>
      <c r="BD103" s="531"/>
      <c r="BE103" s="531"/>
      <c r="BF103" s="531"/>
      <c r="BG103" s="531"/>
      <c r="BH103" s="531"/>
      <c r="BI103" s="531"/>
      <c r="BJ103" s="532"/>
    </row>
    <row r="104" spans="4:78" ht="21.75" customHeight="1">
      <c r="D104" s="4"/>
      <c r="E104" s="207"/>
      <c r="F104" s="207"/>
      <c r="G104" s="536"/>
      <c r="H104" s="536"/>
      <c r="I104" s="536"/>
      <c r="J104" s="536"/>
      <c r="K104" s="536"/>
      <c r="L104" s="536"/>
      <c r="M104" s="536"/>
      <c r="N104" s="536"/>
      <c r="O104" s="536"/>
      <c r="P104" s="536"/>
      <c r="Q104" s="536"/>
      <c r="R104" s="536"/>
      <c r="T104" s="4"/>
      <c r="U104" s="424" t="s">
        <v>383</v>
      </c>
      <c r="V104" s="424"/>
      <c r="W104" s="424"/>
      <c r="X104" s="424"/>
      <c r="Y104" s="424"/>
      <c r="Z104" s="424"/>
      <c r="AA104" s="424"/>
      <c r="AB104" s="424"/>
      <c r="AE104" s="424" t="s">
        <v>34</v>
      </c>
      <c r="AF104" s="424"/>
      <c r="AG104" s="207" t="s">
        <v>35</v>
      </c>
      <c r="AH104" s="207"/>
      <c r="AI104" s="207"/>
      <c r="AJ104" s="207"/>
      <c r="AK104" s="207"/>
      <c r="AL104" s="207"/>
      <c r="AM104" s="207"/>
      <c r="AN104" s="198" t="s">
        <v>36</v>
      </c>
      <c r="AP104" s="207"/>
      <c r="AQ104" s="207"/>
      <c r="AR104" s="542" t="s">
        <v>350</v>
      </c>
      <c r="AS104" s="542"/>
      <c r="AT104" s="542"/>
      <c r="AU104" s="542"/>
      <c r="AV104" s="207"/>
      <c r="AW104" s="207"/>
      <c r="AX104" s="332" t="s">
        <v>281</v>
      </c>
      <c r="AY104" s="332"/>
      <c r="AZ104" s="528"/>
      <c r="BA104" s="36"/>
      <c r="BB104" s="13"/>
      <c r="BC104" s="531"/>
      <c r="BD104" s="531"/>
      <c r="BE104" s="531"/>
      <c r="BF104" s="531"/>
      <c r="BG104" s="531"/>
      <c r="BH104" s="531"/>
      <c r="BI104" s="531"/>
      <c r="BJ104" s="532"/>
      <c r="BK104" s="67"/>
      <c r="BL104" s="67"/>
      <c r="BU104" s="67"/>
      <c r="BV104" s="67"/>
      <c r="BW104" s="67"/>
    </row>
    <row r="105" spans="4:78" ht="21.75" customHeight="1">
      <c r="D105" s="4"/>
      <c r="E105" s="207"/>
      <c r="F105" s="207"/>
      <c r="G105" s="536"/>
      <c r="H105" s="536"/>
      <c r="I105" s="536"/>
      <c r="J105" s="536"/>
      <c r="K105" s="536"/>
      <c r="L105" s="536"/>
      <c r="M105" s="536"/>
      <c r="N105" s="536"/>
      <c r="O105" s="536"/>
      <c r="P105" s="536"/>
      <c r="Q105" s="536"/>
      <c r="R105" s="536"/>
      <c r="T105" s="113"/>
      <c r="U105" s="424" t="s">
        <v>384</v>
      </c>
      <c r="V105" s="424"/>
      <c r="W105" s="424"/>
      <c r="X105" s="424"/>
      <c r="Y105" s="424"/>
      <c r="Z105" s="424"/>
      <c r="AA105" s="424"/>
      <c r="AB105" s="424"/>
      <c r="AC105" s="166"/>
      <c r="AD105" s="166"/>
      <c r="AE105" s="424" t="s">
        <v>34</v>
      </c>
      <c r="AF105" s="424"/>
      <c r="AG105" s="207" t="s">
        <v>35</v>
      </c>
      <c r="AH105" s="207"/>
      <c r="AI105" s="207"/>
      <c r="AJ105" s="207"/>
      <c r="AK105" s="207"/>
      <c r="AL105" s="207"/>
      <c r="AM105" s="207"/>
      <c r="AN105" s="198" t="s">
        <v>36</v>
      </c>
      <c r="AP105" s="207"/>
      <c r="AQ105" s="207"/>
      <c r="AR105" s="542" t="s">
        <v>350</v>
      </c>
      <c r="AS105" s="542"/>
      <c r="AT105" s="542"/>
      <c r="AU105" s="542"/>
      <c r="AV105" s="207"/>
      <c r="AW105" s="207"/>
      <c r="AX105" s="332" t="s">
        <v>281</v>
      </c>
      <c r="AY105" s="332"/>
      <c r="AZ105" s="528"/>
      <c r="BA105" s="37"/>
      <c r="BB105" s="13"/>
      <c r="BC105" s="531"/>
      <c r="BD105" s="531"/>
      <c r="BE105" s="531"/>
      <c r="BF105" s="531"/>
      <c r="BG105" s="531"/>
      <c r="BH105" s="531"/>
      <c r="BI105" s="531"/>
      <c r="BJ105" s="532"/>
      <c r="BK105" s="166"/>
      <c r="BL105" s="166"/>
      <c r="BM105" s="166"/>
      <c r="BN105" s="166"/>
      <c r="BO105" s="166"/>
      <c r="BP105" s="166"/>
      <c r="BQ105" s="166"/>
      <c r="BR105" s="166"/>
      <c r="BS105" s="166"/>
      <c r="BT105" s="166"/>
      <c r="BU105" s="166"/>
      <c r="BV105" s="166"/>
    </row>
    <row r="106" spans="4:78" ht="21.75" customHeight="1">
      <c r="D106" s="4"/>
      <c r="E106" s="207"/>
      <c r="F106" s="207"/>
      <c r="G106" s="536"/>
      <c r="H106" s="536"/>
      <c r="I106" s="536"/>
      <c r="J106" s="536"/>
      <c r="K106" s="536"/>
      <c r="L106" s="536"/>
      <c r="M106" s="536"/>
      <c r="N106" s="536"/>
      <c r="O106" s="536"/>
      <c r="P106" s="536"/>
      <c r="Q106" s="536"/>
      <c r="R106" s="536"/>
      <c r="S106" s="15"/>
      <c r="T106" s="16"/>
      <c r="U106" s="424" t="s">
        <v>385</v>
      </c>
      <c r="V106" s="424"/>
      <c r="W106" s="424"/>
      <c r="X106" s="424"/>
      <c r="Y106" s="424"/>
      <c r="Z106" s="424"/>
      <c r="AA106" s="424"/>
      <c r="AB106" s="424"/>
      <c r="AC106" s="15"/>
      <c r="AD106" s="15"/>
      <c r="AE106" s="424" t="s">
        <v>34</v>
      </c>
      <c r="AF106" s="424"/>
      <c r="AG106" s="207" t="s">
        <v>35</v>
      </c>
      <c r="AH106" s="207"/>
      <c r="AI106" s="207"/>
      <c r="AJ106" s="207"/>
      <c r="AK106" s="207"/>
      <c r="AL106" s="207"/>
      <c r="AM106" s="207"/>
      <c r="AN106" s="198" t="s">
        <v>36</v>
      </c>
      <c r="AP106" s="207"/>
      <c r="AQ106" s="207"/>
      <c r="AR106" s="542" t="s">
        <v>350</v>
      </c>
      <c r="AS106" s="542"/>
      <c r="AT106" s="542"/>
      <c r="AU106" s="542"/>
      <c r="AV106" s="207"/>
      <c r="AW106" s="207"/>
      <c r="AX106" s="332" t="s">
        <v>281</v>
      </c>
      <c r="AY106" s="332"/>
      <c r="AZ106" s="528"/>
      <c r="BA106" s="32" t="s">
        <v>38</v>
      </c>
      <c r="BB106" s="13"/>
      <c r="BC106" s="531" t="s">
        <v>39</v>
      </c>
      <c r="BD106" s="531"/>
      <c r="BE106" s="531"/>
      <c r="BF106" s="531"/>
      <c r="BG106" s="531"/>
      <c r="BH106" s="531"/>
      <c r="BI106" s="531"/>
      <c r="BJ106" s="532"/>
      <c r="BQ106" s="110"/>
      <c r="BR106" s="110"/>
      <c r="BS106" s="110"/>
      <c r="BT106" s="110"/>
      <c r="BU106" s="110"/>
      <c r="BV106" s="110"/>
      <c r="BW106" s="110"/>
      <c r="BX106" s="110"/>
    </row>
    <row r="107" spans="4:78" ht="21.75" customHeight="1">
      <c r="D107" s="4"/>
      <c r="E107" s="207"/>
      <c r="F107" s="207"/>
      <c r="G107" s="536"/>
      <c r="H107" s="536"/>
      <c r="I107" s="536"/>
      <c r="J107" s="536"/>
      <c r="K107" s="536"/>
      <c r="L107" s="536"/>
      <c r="M107" s="536"/>
      <c r="N107" s="536"/>
      <c r="O107" s="536"/>
      <c r="P107" s="536"/>
      <c r="Q107" s="536"/>
      <c r="R107" s="536"/>
      <c r="T107" s="4"/>
      <c r="U107" s="424" t="s">
        <v>386</v>
      </c>
      <c r="V107" s="424"/>
      <c r="W107" s="424"/>
      <c r="X107" s="424"/>
      <c r="Y107" s="424"/>
      <c r="Z107" s="424"/>
      <c r="AA107" s="424"/>
      <c r="AB107" s="424"/>
      <c r="AE107" s="424" t="s">
        <v>34</v>
      </c>
      <c r="AF107" s="424"/>
      <c r="AG107" s="207" t="s">
        <v>35</v>
      </c>
      <c r="AH107" s="207"/>
      <c r="AI107" s="207"/>
      <c r="AJ107" s="207"/>
      <c r="AK107" s="207"/>
      <c r="AL107" s="207"/>
      <c r="AM107" s="207"/>
      <c r="AN107" s="198" t="s">
        <v>36</v>
      </c>
      <c r="AP107" s="207"/>
      <c r="AQ107" s="207"/>
      <c r="AR107" s="542" t="s">
        <v>350</v>
      </c>
      <c r="AS107" s="542"/>
      <c r="AT107" s="542"/>
      <c r="AU107" s="542"/>
      <c r="AV107" s="207"/>
      <c r="AW107" s="207"/>
      <c r="AX107" s="332" t="s">
        <v>281</v>
      </c>
      <c r="AY107" s="332"/>
      <c r="AZ107" s="528"/>
      <c r="BA107" s="36"/>
      <c r="BB107" s="13"/>
      <c r="BC107" s="531"/>
      <c r="BD107" s="531"/>
      <c r="BE107" s="531"/>
      <c r="BF107" s="531"/>
      <c r="BG107" s="531"/>
      <c r="BH107" s="531"/>
      <c r="BI107" s="531"/>
      <c r="BJ107" s="532"/>
      <c r="BQ107" s="110"/>
      <c r="BR107" s="110"/>
      <c r="BS107" s="110"/>
      <c r="BT107" s="110"/>
      <c r="BU107" s="110"/>
      <c r="BV107" s="110"/>
      <c r="BW107" s="110"/>
      <c r="BX107" s="110"/>
    </row>
    <row r="108" spans="4:78" ht="21.75" customHeight="1">
      <c r="D108" s="17"/>
      <c r="E108" s="208"/>
      <c r="F108" s="208"/>
      <c r="G108" s="537"/>
      <c r="H108" s="537"/>
      <c r="I108" s="537"/>
      <c r="J108" s="537"/>
      <c r="K108" s="537"/>
      <c r="L108" s="537"/>
      <c r="M108" s="537"/>
      <c r="N108" s="537"/>
      <c r="O108" s="537"/>
      <c r="P108" s="537"/>
      <c r="Q108" s="537"/>
      <c r="R108" s="537"/>
      <c r="S108" s="194"/>
      <c r="T108" s="193"/>
      <c r="U108" s="520" t="s">
        <v>351</v>
      </c>
      <c r="V108" s="520"/>
      <c r="W108" s="520"/>
      <c r="X108" s="522"/>
      <c r="Y108" s="522"/>
      <c r="Z108" s="522"/>
      <c r="AA108" s="522"/>
      <c r="AB108" s="522"/>
      <c r="AC108" s="208" t="s">
        <v>348</v>
      </c>
      <c r="AD108" s="208"/>
      <c r="AE108" s="520" t="s">
        <v>349</v>
      </c>
      <c r="AF108" s="520"/>
      <c r="AG108" s="208" t="s">
        <v>35</v>
      </c>
      <c r="AH108" s="208"/>
      <c r="AI108" s="208"/>
      <c r="AJ108" s="208"/>
      <c r="AK108" s="208"/>
      <c r="AL108" s="208"/>
      <c r="AM108" s="208"/>
      <c r="AN108" s="194" t="s">
        <v>36</v>
      </c>
      <c r="AO108" s="194"/>
      <c r="AP108" s="208"/>
      <c r="AQ108" s="208"/>
      <c r="AR108" s="542" t="s">
        <v>350</v>
      </c>
      <c r="AS108" s="542"/>
      <c r="AT108" s="542"/>
      <c r="AU108" s="542"/>
      <c r="AV108" s="208"/>
      <c r="AW108" s="208"/>
      <c r="AX108" s="529" t="s">
        <v>51</v>
      </c>
      <c r="AY108" s="529"/>
      <c r="AZ108" s="530"/>
      <c r="BA108" s="39"/>
      <c r="BB108" s="14"/>
      <c r="BC108" s="533"/>
      <c r="BD108" s="533"/>
      <c r="BE108" s="533"/>
      <c r="BF108" s="533"/>
      <c r="BG108" s="533"/>
      <c r="BH108" s="533"/>
      <c r="BI108" s="533"/>
      <c r="BJ108" s="534"/>
      <c r="BL108" s="67"/>
      <c r="BM108" s="67"/>
      <c r="BN108" s="67"/>
      <c r="BO108" s="67"/>
      <c r="BP108" s="67"/>
      <c r="BQ108" s="67"/>
    </row>
    <row r="109" spans="4:78" ht="21.75" customHeight="1">
      <c r="D109" s="1" t="s">
        <v>5</v>
      </c>
      <c r="E109" s="206" t="s">
        <v>169</v>
      </c>
      <c r="F109" s="206"/>
      <c r="G109" s="464" t="s">
        <v>154</v>
      </c>
      <c r="H109" s="464"/>
      <c r="I109" s="464"/>
      <c r="J109" s="464"/>
      <c r="K109" s="464"/>
      <c r="L109" s="464"/>
      <c r="M109" s="464"/>
      <c r="N109" s="464"/>
      <c r="O109" s="464"/>
      <c r="P109" s="464"/>
      <c r="Q109" s="464"/>
      <c r="R109" s="464"/>
      <c r="S109" s="2"/>
      <c r="T109" s="15"/>
      <c r="U109" s="535" t="s">
        <v>352</v>
      </c>
      <c r="V109" s="535"/>
      <c r="W109" s="535"/>
      <c r="X109" s="535"/>
      <c r="Y109" s="136"/>
      <c r="Z109" s="136"/>
      <c r="AA109" s="535" t="s">
        <v>353</v>
      </c>
      <c r="AB109" s="535"/>
      <c r="AC109" s="535"/>
      <c r="AD109" s="535"/>
      <c r="AE109" s="15"/>
      <c r="AF109" s="21"/>
      <c r="AG109" s="535" t="s">
        <v>354</v>
      </c>
      <c r="AH109" s="535"/>
      <c r="AI109" s="535"/>
      <c r="AJ109" s="535"/>
      <c r="AK109" s="137"/>
      <c r="AL109" s="137"/>
      <c r="AM109" s="535" t="s">
        <v>355</v>
      </c>
      <c r="AN109" s="535"/>
      <c r="AO109" s="535"/>
      <c r="AP109" s="535"/>
      <c r="AQ109" s="535"/>
      <c r="AR109" s="138"/>
      <c r="AS109" s="139"/>
      <c r="AT109" s="535" t="s">
        <v>356</v>
      </c>
      <c r="AU109" s="535"/>
      <c r="AV109" s="535"/>
      <c r="AW109" s="535"/>
      <c r="AX109" s="535"/>
      <c r="AY109" s="535"/>
      <c r="AZ109" s="535"/>
      <c r="BA109" s="535"/>
      <c r="BB109" s="140"/>
      <c r="BC109" s="141"/>
      <c r="BD109" s="141"/>
      <c r="BE109" s="141"/>
      <c r="BF109" s="141"/>
      <c r="BG109" s="141"/>
      <c r="BH109" s="141"/>
      <c r="BI109" s="141"/>
      <c r="BJ109" s="142"/>
      <c r="BL109" s="67"/>
      <c r="BM109" s="67"/>
      <c r="BN109" s="67"/>
      <c r="BO109" s="67"/>
      <c r="BP109" s="67"/>
      <c r="BQ109" s="67"/>
    </row>
    <row r="110" spans="4:78" ht="21.75" customHeight="1">
      <c r="D110" s="4"/>
      <c r="E110" s="208"/>
      <c r="F110" s="208"/>
      <c r="G110" s="488"/>
      <c r="H110" s="488"/>
      <c r="I110" s="488"/>
      <c r="J110" s="488"/>
      <c r="K110" s="488"/>
      <c r="L110" s="488"/>
      <c r="M110" s="488"/>
      <c r="N110" s="488"/>
      <c r="O110" s="488"/>
      <c r="P110" s="488"/>
      <c r="Q110" s="488"/>
      <c r="R110" s="488"/>
      <c r="S110" s="5"/>
      <c r="T110" s="15"/>
      <c r="U110" s="537" t="s">
        <v>357</v>
      </c>
      <c r="V110" s="537"/>
      <c r="W110" s="537"/>
      <c r="X110" s="537"/>
      <c r="Y110" s="136"/>
      <c r="Z110" s="136"/>
      <c r="AA110" s="537" t="s">
        <v>333</v>
      </c>
      <c r="AB110" s="537"/>
      <c r="AC110" s="537"/>
      <c r="AD110" s="537"/>
      <c r="AE110" s="537"/>
      <c r="AF110" s="537"/>
      <c r="AG110" s="537"/>
      <c r="AH110" s="537"/>
      <c r="AI110" s="537"/>
      <c r="AJ110" s="537"/>
      <c r="AK110" s="537"/>
      <c r="AL110" s="537"/>
      <c r="AM110" s="537"/>
      <c r="AN110" s="537"/>
      <c r="AO110" s="537"/>
      <c r="AP110" s="537"/>
      <c r="AQ110" s="537"/>
      <c r="AR110" s="537"/>
      <c r="AS110" s="537"/>
      <c r="AT110" s="537" t="s">
        <v>332</v>
      </c>
      <c r="AU110" s="537"/>
      <c r="AV110" s="203"/>
      <c r="AW110" s="15"/>
      <c r="AX110" s="537" t="s">
        <v>358</v>
      </c>
      <c r="AY110" s="537"/>
      <c r="AZ110" s="537"/>
      <c r="BA110" s="537"/>
      <c r="BB110" s="537"/>
      <c r="BC110" s="141"/>
      <c r="BD110" s="141"/>
      <c r="BE110" s="141"/>
      <c r="BF110" s="141"/>
      <c r="BG110" s="141"/>
      <c r="BH110" s="141"/>
      <c r="BI110" s="141"/>
      <c r="BJ110" s="142"/>
      <c r="BL110" s="67"/>
      <c r="BM110" s="67"/>
      <c r="BN110" s="67"/>
      <c r="BO110" s="67"/>
      <c r="BP110" s="67"/>
      <c r="BQ110" s="67"/>
    </row>
    <row r="111" spans="4:78" ht="14.25" customHeight="1">
      <c r="D111" s="26"/>
      <c r="E111" s="26"/>
      <c r="F111" s="26"/>
      <c r="G111" s="26"/>
      <c r="H111" s="26"/>
      <c r="I111" s="26"/>
      <c r="J111" s="26"/>
      <c r="K111" s="26"/>
      <c r="L111" s="26"/>
      <c r="M111" s="29"/>
      <c r="N111" s="29"/>
      <c r="O111" s="29"/>
      <c r="P111" s="29"/>
      <c r="Q111" s="29"/>
      <c r="R111" s="29"/>
      <c r="S111" s="29"/>
      <c r="T111" s="29"/>
      <c r="U111" s="29"/>
      <c r="V111" s="29"/>
      <c r="W111" s="29"/>
      <c r="X111" s="29"/>
      <c r="Y111" s="29"/>
      <c r="Z111" s="29"/>
      <c r="AA111" s="29"/>
      <c r="AB111" s="29"/>
      <c r="AC111" s="29"/>
      <c r="AD111" s="29"/>
      <c r="AE111" s="29"/>
      <c r="AF111" s="29"/>
      <c r="AG111" s="29"/>
      <c r="AH111" s="29"/>
      <c r="AI111" s="29"/>
      <c r="AJ111" s="29"/>
      <c r="AK111" s="29"/>
      <c r="AL111" s="29"/>
      <c r="AM111" s="29"/>
      <c r="AN111" s="29"/>
      <c r="AO111" s="26"/>
      <c r="AP111" s="26"/>
      <c r="AQ111" s="29"/>
      <c r="AR111" s="29"/>
      <c r="AS111" s="29"/>
      <c r="AT111" s="29"/>
      <c r="AU111" s="29"/>
      <c r="AV111" s="29"/>
      <c r="AW111" s="29"/>
      <c r="AX111" s="29"/>
      <c r="AY111" s="29"/>
      <c r="AZ111" s="29"/>
      <c r="BA111" s="29"/>
      <c r="BB111" s="29"/>
      <c r="BC111" s="29"/>
      <c r="BD111" s="29"/>
      <c r="BE111" s="29"/>
      <c r="BF111" s="29"/>
      <c r="BG111" s="29"/>
      <c r="BH111" s="29"/>
      <c r="BI111" s="29"/>
      <c r="BJ111" s="29"/>
      <c r="BK111" s="67"/>
      <c r="BL111" s="67"/>
      <c r="BM111" s="67"/>
      <c r="BN111" s="67"/>
      <c r="BO111" s="67"/>
      <c r="BP111" s="67"/>
      <c r="BQ111" s="67"/>
      <c r="BR111" s="67"/>
      <c r="BS111" s="67"/>
      <c r="BT111" s="67"/>
      <c r="BU111" s="67"/>
      <c r="BV111" s="67"/>
      <c r="BW111" s="67"/>
    </row>
    <row r="112" spans="4:78" ht="20.100000000000001" customHeight="1">
      <c r="D112" s="55"/>
      <c r="E112" s="56"/>
      <c r="F112" s="56"/>
      <c r="G112" s="57"/>
      <c r="H112" s="418"/>
      <c r="I112" s="419"/>
      <c r="J112" s="419"/>
      <c r="K112" s="419"/>
      <c r="L112" s="419"/>
      <c r="M112" s="420"/>
      <c r="N112" s="331" t="s">
        <v>41</v>
      </c>
      <c r="O112" s="207"/>
      <c r="P112" s="207"/>
      <c r="Q112" s="207"/>
      <c r="R112" s="207"/>
      <c r="S112" s="207"/>
      <c r="T112" s="207"/>
      <c r="U112" s="207"/>
      <c r="V112" s="328"/>
      <c r="W112" s="331" t="s">
        <v>43</v>
      </c>
      <c r="X112" s="207"/>
      <c r="Y112" s="207"/>
      <c r="Z112" s="207"/>
      <c r="AA112" s="207"/>
      <c r="AB112" s="207"/>
      <c r="AC112" s="207"/>
      <c r="AD112" s="207"/>
      <c r="AE112" s="328"/>
      <c r="AF112" s="331" t="s">
        <v>33</v>
      </c>
      <c r="AG112" s="207"/>
      <c r="AH112" s="207"/>
      <c r="AI112" s="207"/>
      <c r="AJ112" s="207"/>
      <c r="AK112" s="207"/>
      <c r="AL112" s="207"/>
      <c r="AM112" s="328"/>
      <c r="AN112" s="324" t="s">
        <v>48</v>
      </c>
      <c r="AO112" s="206"/>
      <c r="AP112" s="334"/>
      <c r="AQ112" s="334"/>
      <c r="AR112" s="334"/>
      <c r="AS112" s="334"/>
      <c r="AT112" s="334"/>
      <c r="AU112" s="334"/>
      <c r="AV112" s="206" t="s">
        <v>387</v>
      </c>
      <c r="AW112" s="325"/>
      <c r="AX112" s="331" t="s">
        <v>49</v>
      </c>
      <c r="AY112" s="207"/>
      <c r="AZ112" s="207"/>
      <c r="BA112" s="207"/>
      <c r="BB112" s="207"/>
      <c r="BC112" s="207"/>
      <c r="BD112" s="207"/>
      <c r="BE112" s="207"/>
      <c r="BF112" s="207"/>
      <c r="BG112" s="207"/>
      <c r="BH112" s="207"/>
      <c r="BI112" s="207"/>
      <c r="BJ112" s="328"/>
      <c r="BK112" s="183"/>
      <c r="BU112" s="110"/>
      <c r="BV112" s="110"/>
      <c r="BW112" s="110"/>
      <c r="BX112" s="110"/>
      <c r="BY112" s="110"/>
      <c r="BZ112" s="110"/>
    </row>
    <row r="113" spans="4:78" ht="20.100000000000001" customHeight="1">
      <c r="D113" s="58"/>
      <c r="E113" s="59"/>
      <c r="F113" s="59"/>
      <c r="G113" s="60"/>
      <c r="H113" s="421"/>
      <c r="I113" s="422"/>
      <c r="J113" s="422"/>
      <c r="K113" s="422"/>
      <c r="L113" s="422"/>
      <c r="M113" s="423"/>
      <c r="N113" s="415" t="s">
        <v>42</v>
      </c>
      <c r="O113" s="416"/>
      <c r="P113" s="416"/>
      <c r="Q113" s="416"/>
      <c r="R113" s="416"/>
      <c r="S113" s="416"/>
      <c r="T113" s="416"/>
      <c r="U113" s="416"/>
      <c r="V113" s="417"/>
      <c r="W113" s="415" t="s">
        <v>44</v>
      </c>
      <c r="X113" s="416"/>
      <c r="Y113" s="416"/>
      <c r="Z113" s="416"/>
      <c r="AA113" s="416"/>
      <c r="AB113" s="416"/>
      <c r="AC113" s="416"/>
      <c r="AD113" s="416"/>
      <c r="AE113" s="417"/>
      <c r="AF113" s="415" t="s">
        <v>44</v>
      </c>
      <c r="AG113" s="416"/>
      <c r="AH113" s="416"/>
      <c r="AI113" s="416"/>
      <c r="AJ113" s="416"/>
      <c r="AK113" s="416"/>
      <c r="AL113" s="416"/>
      <c r="AM113" s="417"/>
      <c r="AN113" s="143"/>
      <c r="AO113" s="144"/>
      <c r="AP113" s="144"/>
      <c r="AQ113" s="293" t="s">
        <v>388</v>
      </c>
      <c r="AR113" s="293"/>
      <c r="AS113" s="293"/>
      <c r="AT113" s="293"/>
      <c r="AU113" s="293"/>
      <c r="AV113" s="293" t="s">
        <v>387</v>
      </c>
      <c r="AW113" s="294"/>
      <c r="AX113" s="326"/>
      <c r="AY113" s="208"/>
      <c r="AZ113" s="208"/>
      <c r="BA113" s="208"/>
      <c r="BB113" s="208"/>
      <c r="BC113" s="208"/>
      <c r="BD113" s="208"/>
      <c r="BE113" s="208"/>
      <c r="BF113" s="208"/>
      <c r="BG113" s="208"/>
      <c r="BH113" s="208"/>
      <c r="BI113" s="208"/>
      <c r="BJ113" s="327"/>
      <c r="BK113" s="183"/>
      <c r="BU113" s="110"/>
      <c r="BV113" s="110"/>
      <c r="BW113" s="110"/>
      <c r="BX113" s="110"/>
      <c r="BY113" s="110"/>
      <c r="BZ113" s="110"/>
    </row>
    <row r="114" spans="4:78" ht="20.100000000000001" customHeight="1">
      <c r="D114" s="308" t="s">
        <v>170</v>
      </c>
      <c r="E114" s="309"/>
      <c r="F114" s="309"/>
      <c r="G114" s="310"/>
      <c r="H114" s="324" t="s">
        <v>202</v>
      </c>
      <c r="I114" s="206"/>
      <c r="J114" s="206"/>
      <c r="K114" s="206"/>
      <c r="L114" s="206"/>
      <c r="M114" s="325"/>
      <c r="N114" s="324"/>
      <c r="O114" s="206"/>
      <c r="P114" s="206"/>
      <c r="Q114" s="206"/>
      <c r="R114" s="206"/>
      <c r="S114" s="206"/>
      <c r="T114" s="206"/>
      <c r="U114" s="206" t="s">
        <v>40</v>
      </c>
      <c r="V114" s="325"/>
      <c r="W114" s="324"/>
      <c r="X114" s="206"/>
      <c r="Y114" s="206"/>
      <c r="Z114" s="206"/>
      <c r="AA114" s="206"/>
      <c r="AB114" s="206"/>
      <c r="AC114" s="206"/>
      <c r="AD114" s="206" t="s">
        <v>40</v>
      </c>
      <c r="AE114" s="325"/>
      <c r="AF114" s="412"/>
      <c r="AG114" s="413"/>
      <c r="AH114" s="413"/>
      <c r="AI114" s="413"/>
      <c r="AJ114" s="413"/>
      <c r="AK114" s="413"/>
      <c r="AL114" s="413" t="s">
        <v>40</v>
      </c>
      <c r="AM114" s="414"/>
      <c r="AN114" s="324"/>
      <c r="AO114" s="206"/>
      <c r="AP114" s="206"/>
      <c r="AQ114" s="206"/>
      <c r="AR114" s="206"/>
      <c r="AS114" s="206"/>
      <c r="AT114" s="206"/>
      <c r="AU114" s="206"/>
      <c r="AV114" s="413" t="s">
        <v>40</v>
      </c>
      <c r="AW114" s="414"/>
      <c r="AX114" s="1" t="s">
        <v>45</v>
      </c>
      <c r="AY114" s="197"/>
      <c r="AZ114" s="197"/>
      <c r="BA114" s="197"/>
      <c r="BB114" s="197"/>
      <c r="BC114" s="197"/>
      <c r="BD114" s="197"/>
      <c r="BE114" s="197"/>
      <c r="BF114" s="197"/>
      <c r="BG114" s="197"/>
      <c r="BH114" s="197"/>
      <c r="BI114" s="197"/>
      <c r="BJ114" s="2"/>
      <c r="BK114" s="183"/>
      <c r="BU114" s="110"/>
      <c r="BV114" s="110"/>
      <c r="BW114" s="110"/>
      <c r="BX114" s="110"/>
      <c r="BY114" s="110"/>
      <c r="BZ114" s="110"/>
    </row>
    <row r="115" spans="4:78" ht="17.25" customHeight="1">
      <c r="D115" s="58"/>
      <c r="E115" s="59"/>
      <c r="F115" s="59"/>
      <c r="G115" s="60"/>
      <c r="H115" s="395"/>
      <c r="I115" s="396"/>
      <c r="J115" s="396"/>
      <c r="K115" s="396"/>
      <c r="L115" s="396"/>
      <c r="M115" s="397"/>
      <c r="N115" s="395"/>
      <c r="O115" s="396"/>
      <c r="P115" s="396"/>
      <c r="Q115" s="396"/>
      <c r="R115" s="396"/>
      <c r="S115" s="396"/>
      <c r="T115" s="396"/>
      <c r="U115" s="396"/>
      <c r="V115" s="397"/>
      <c r="W115" s="395"/>
      <c r="X115" s="396"/>
      <c r="Y115" s="396"/>
      <c r="Z115" s="396"/>
      <c r="AA115" s="396"/>
      <c r="AB115" s="396"/>
      <c r="AC115" s="396"/>
      <c r="AD115" s="396"/>
      <c r="AE115" s="397"/>
      <c r="AF115" s="402"/>
      <c r="AG115" s="398"/>
      <c r="AH115" s="398"/>
      <c r="AI115" s="398"/>
      <c r="AJ115" s="398"/>
      <c r="AK115" s="398"/>
      <c r="AL115" s="398"/>
      <c r="AM115" s="399"/>
      <c r="AN115" s="395"/>
      <c r="AO115" s="396"/>
      <c r="AP115" s="396"/>
      <c r="AQ115" s="396"/>
      <c r="AR115" s="396"/>
      <c r="AS115" s="396"/>
      <c r="AT115" s="396"/>
      <c r="AU115" s="396"/>
      <c r="AV115" s="398"/>
      <c r="AW115" s="399"/>
      <c r="AX115" s="4"/>
      <c r="BB115" s="207"/>
      <c r="BC115" s="207"/>
      <c r="BD115" s="207"/>
      <c r="BE115" s="207"/>
      <c r="BF115" s="207"/>
      <c r="BG115" s="207"/>
      <c r="BH115" s="207"/>
      <c r="BI115" s="198" t="s">
        <v>40</v>
      </c>
      <c r="BJ115" s="5"/>
      <c r="BK115" s="183"/>
      <c r="BU115" s="110"/>
      <c r="BV115" s="110"/>
      <c r="BW115" s="110"/>
      <c r="BX115" s="110"/>
      <c r="BY115" s="110"/>
      <c r="BZ115" s="110"/>
    </row>
    <row r="116" spans="4:78" ht="20.100000000000001" customHeight="1">
      <c r="D116" s="406" t="s">
        <v>171</v>
      </c>
      <c r="E116" s="407"/>
      <c r="F116" s="407"/>
      <c r="G116" s="408"/>
      <c r="H116" s="393" t="s">
        <v>201</v>
      </c>
      <c r="I116" s="391"/>
      <c r="J116" s="391"/>
      <c r="K116" s="391"/>
      <c r="L116" s="391"/>
      <c r="M116" s="392"/>
      <c r="N116" s="393"/>
      <c r="O116" s="391"/>
      <c r="P116" s="391"/>
      <c r="Q116" s="391"/>
      <c r="R116" s="391"/>
      <c r="S116" s="391"/>
      <c r="T116" s="391"/>
      <c r="U116" s="391" t="s">
        <v>40</v>
      </c>
      <c r="V116" s="392"/>
      <c r="W116" s="393"/>
      <c r="X116" s="391"/>
      <c r="Y116" s="391"/>
      <c r="Z116" s="391"/>
      <c r="AA116" s="391"/>
      <c r="AB116" s="391"/>
      <c r="AC116" s="391"/>
      <c r="AD116" s="391" t="s">
        <v>40</v>
      </c>
      <c r="AE116" s="392"/>
      <c r="AF116" s="402"/>
      <c r="AG116" s="398"/>
      <c r="AH116" s="398"/>
      <c r="AI116" s="398"/>
      <c r="AJ116" s="398"/>
      <c r="AK116" s="398"/>
      <c r="AL116" s="398" t="s">
        <v>40</v>
      </c>
      <c r="AM116" s="399"/>
      <c r="AN116" s="393"/>
      <c r="AO116" s="391"/>
      <c r="AP116" s="391"/>
      <c r="AQ116" s="391"/>
      <c r="AR116" s="391"/>
      <c r="AS116" s="391"/>
      <c r="AT116" s="391"/>
      <c r="AU116" s="391"/>
      <c r="AV116" s="398" t="s">
        <v>40</v>
      </c>
      <c r="AW116" s="399"/>
      <c r="AX116" s="4" t="s">
        <v>46</v>
      </c>
      <c r="BJ116" s="5"/>
      <c r="BK116" s="67"/>
      <c r="BL116" s="67"/>
      <c r="BM116" s="67"/>
      <c r="BN116" s="67"/>
      <c r="BO116" s="67"/>
      <c r="BP116" s="67"/>
      <c r="BQ116" s="67"/>
      <c r="BR116" s="67"/>
      <c r="BS116" s="67"/>
      <c r="BT116" s="67"/>
      <c r="BU116" s="67"/>
      <c r="BV116" s="67"/>
      <c r="BW116" s="67"/>
      <c r="BX116" s="67"/>
      <c r="BY116" s="67"/>
    </row>
    <row r="117" spans="4:78" ht="16.5" customHeight="1">
      <c r="D117" s="406"/>
      <c r="E117" s="407"/>
      <c r="F117" s="407"/>
      <c r="G117" s="408"/>
      <c r="H117" s="395"/>
      <c r="I117" s="396"/>
      <c r="J117" s="396"/>
      <c r="K117" s="396"/>
      <c r="L117" s="396"/>
      <c r="M117" s="397"/>
      <c r="N117" s="395"/>
      <c r="O117" s="396"/>
      <c r="P117" s="396"/>
      <c r="Q117" s="396"/>
      <c r="R117" s="396"/>
      <c r="S117" s="396"/>
      <c r="T117" s="396"/>
      <c r="U117" s="396"/>
      <c r="V117" s="397"/>
      <c r="W117" s="395"/>
      <c r="X117" s="396"/>
      <c r="Y117" s="396"/>
      <c r="Z117" s="396"/>
      <c r="AA117" s="396"/>
      <c r="AB117" s="396"/>
      <c r="AC117" s="396"/>
      <c r="AD117" s="396"/>
      <c r="AE117" s="397"/>
      <c r="AF117" s="402"/>
      <c r="AG117" s="398"/>
      <c r="AH117" s="398"/>
      <c r="AI117" s="398"/>
      <c r="AJ117" s="398"/>
      <c r="AK117" s="398"/>
      <c r="AL117" s="398"/>
      <c r="AM117" s="399"/>
      <c r="AN117" s="395"/>
      <c r="AO117" s="396"/>
      <c r="AP117" s="396"/>
      <c r="AQ117" s="396"/>
      <c r="AR117" s="396"/>
      <c r="AS117" s="396"/>
      <c r="AT117" s="396"/>
      <c r="AU117" s="396"/>
      <c r="AV117" s="398"/>
      <c r="AW117" s="399"/>
      <c r="AX117" s="4"/>
      <c r="BB117" s="207"/>
      <c r="BC117" s="207"/>
      <c r="BD117" s="207"/>
      <c r="BE117" s="207"/>
      <c r="BF117" s="207"/>
      <c r="BG117" s="207"/>
      <c r="BH117" s="207"/>
      <c r="BI117" s="198" t="s">
        <v>40</v>
      </c>
      <c r="BJ117" s="5"/>
      <c r="BK117" s="67"/>
      <c r="BL117" s="67"/>
      <c r="BM117" s="67"/>
      <c r="BN117" s="67"/>
      <c r="BO117" s="67"/>
      <c r="BP117" s="67"/>
      <c r="BQ117" s="67"/>
      <c r="BR117" s="67"/>
      <c r="BS117" s="67"/>
      <c r="BT117" s="67"/>
      <c r="BU117" s="67"/>
      <c r="BV117" s="67"/>
      <c r="BW117" s="67"/>
      <c r="BX117" s="67"/>
      <c r="BY117" s="67"/>
    </row>
    <row r="118" spans="4:78" ht="20.100000000000001" customHeight="1">
      <c r="D118" s="406"/>
      <c r="E118" s="407"/>
      <c r="F118" s="407"/>
      <c r="G118" s="408"/>
      <c r="H118" s="393" t="s">
        <v>200</v>
      </c>
      <c r="I118" s="391"/>
      <c r="J118" s="391"/>
      <c r="K118" s="391"/>
      <c r="L118" s="391"/>
      <c r="M118" s="392"/>
      <c r="N118" s="393"/>
      <c r="O118" s="391"/>
      <c r="P118" s="391"/>
      <c r="Q118" s="391"/>
      <c r="R118" s="391"/>
      <c r="S118" s="391"/>
      <c r="T118" s="391"/>
      <c r="U118" s="391" t="s">
        <v>40</v>
      </c>
      <c r="V118" s="392"/>
      <c r="W118" s="393"/>
      <c r="X118" s="391"/>
      <c r="Y118" s="391"/>
      <c r="Z118" s="391"/>
      <c r="AA118" s="391"/>
      <c r="AB118" s="391"/>
      <c r="AC118" s="391"/>
      <c r="AD118" s="391" t="s">
        <v>40</v>
      </c>
      <c r="AE118" s="392"/>
      <c r="AF118" s="402"/>
      <c r="AG118" s="398"/>
      <c r="AH118" s="398"/>
      <c r="AI118" s="398"/>
      <c r="AJ118" s="398"/>
      <c r="AK118" s="398"/>
      <c r="AL118" s="398" t="s">
        <v>40</v>
      </c>
      <c r="AM118" s="399"/>
      <c r="AN118" s="393"/>
      <c r="AO118" s="391"/>
      <c r="AP118" s="391"/>
      <c r="AQ118" s="391"/>
      <c r="AR118" s="391"/>
      <c r="AS118" s="391"/>
      <c r="AT118" s="391"/>
      <c r="AU118" s="391"/>
      <c r="AV118" s="398" t="s">
        <v>40</v>
      </c>
      <c r="AW118" s="399"/>
      <c r="AX118" s="4" t="s">
        <v>47</v>
      </c>
      <c r="BJ118" s="5"/>
      <c r="BK118" s="67"/>
      <c r="BL118" s="67"/>
      <c r="BM118" s="67"/>
      <c r="BN118" s="67"/>
      <c r="BO118" s="67"/>
      <c r="BP118" s="67"/>
      <c r="BQ118" s="67"/>
      <c r="BR118" s="67"/>
    </row>
    <row r="119" spans="4:78" ht="16.5" customHeight="1">
      <c r="D119" s="406"/>
      <c r="E119" s="407"/>
      <c r="F119" s="407"/>
      <c r="G119" s="408"/>
      <c r="H119" s="395"/>
      <c r="I119" s="396"/>
      <c r="J119" s="396"/>
      <c r="K119" s="396"/>
      <c r="L119" s="396"/>
      <c r="M119" s="397"/>
      <c r="N119" s="395"/>
      <c r="O119" s="396"/>
      <c r="P119" s="396"/>
      <c r="Q119" s="396"/>
      <c r="R119" s="396"/>
      <c r="S119" s="396"/>
      <c r="T119" s="396"/>
      <c r="U119" s="396"/>
      <c r="V119" s="397"/>
      <c r="W119" s="395"/>
      <c r="X119" s="396"/>
      <c r="Y119" s="396"/>
      <c r="Z119" s="396"/>
      <c r="AA119" s="396"/>
      <c r="AB119" s="396"/>
      <c r="AC119" s="396"/>
      <c r="AD119" s="396"/>
      <c r="AE119" s="397"/>
      <c r="AF119" s="402"/>
      <c r="AG119" s="398"/>
      <c r="AH119" s="398"/>
      <c r="AI119" s="398"/>
      <c r="AJ119" s="398"/>
      <c r="AK119" s="398"/>
      <c r="AL119" s="398"/>
      <c r="AM119" s="399"/>
      <c r="AN119" s="395"/>
      <c r="AO119" s="396"/>
      <c r="AP119" s="396"/>
      <c r="AQ119" s="396"/>
      <c r="AR119" s="396"/>
      <c r="AS119" s="396"/>
      <c r="AT119" s="396"/>
      <c r="AU119" s="396"/>
      <c r="AV119" s="398"/>
      <c r="AW119" s="399"/>
      <c r="AX119" s="4"/>
      <c r="BB119" s="207"/>
      <c r="BC119" s="207"/>
      <c r="BD119" s="207"/>
      <c r="BE119" s="207"/>
      <c r="BF119" s="207"/>
      <c r="BG119" s="207"/>
      <c r="BH119" s="207"/>
      <c r="BI119" s="198" t="s">
        <v>40</v>
      </c>
      <c r="BJ119" s="5"/>
      <c r="BK119" s="67"/>
      <c r="BL119" s="67"/>
      <c r="BM119" s="67"/>
      <c r="BN119" s="67"/>
      <c r="BO119" s="67"/>
      <c r="BP119" s="67"/>
      <c r="BQ119" s="67"/>
      <c r="BR119" s="67"/>
    </row>
    <row r="120" spans="4:78" ht="20.100000000000001" customHeight="1">
      <c r="D120" s="406"/>
      <c r="E120" s="407"/>
      <c r="F120" s="407"/>
      <c r="G120" s="408"/>
      <c r="H120" s="393" t="s">
        <v>199</v>
      </c>
      <c r="I120" s="391"/>
      <c r="J120" s="391"/>
      <c r="K120" s="391"/>
      <c r="L120" s="391"/>
      <c r="M120" s="392"/>
      <c r="N120" s="393"/>
      <c r="O120" s="391"/>
      <c r="P120" s="391"/>
      <c r="Q120" s="391"/>
      <c r="R120" s="391"/>
      <c r="S120" s="391"/>
      <c r="T120" s="391"/>
      <c r="U120" s="391" t="s">
        <v>40</v>
      </c>
      <c r="V120" s="392"/>
      <c r="W120" s="393"/>
      <c r="X120" s="391"/>
      <c r="Y120" s="391"/>
      <c r="Z120" s="391"/>
      <c r="AA120" s="391"/>
      <c r="AB120" s="391"/>
      <c r="AC120" s="391"/>
      <c r="AD120" s="391" t="s">
        <v>40</v>
      </c>
      <c r="AE120" s="392"/>
      <c r="AF120" s="402"/>
      <c r="AG120" s="398"/>
      <c r="AH120" s="398"/>
      <c r="AI120" s="398"/>
      <c r="AJ120" s="398"/>
      <c r="AK120" s="398"/>
      <c r="AL120" s="398" t="s">
        <v>40</v>
      </c>
      <c r="AM120" s="399"/>
      <c r="AN120" s="393"/>
      <c r="AO120" s="391"/>
      <c r="AP120" s="391"/>
      <c r="AQ120" s="391"/>
      <c r="AR120" s="391"/>
      <c r="AS120" s="391"/>
      <c r="AT120" s="391"/>
      <c r="AU120" s="391"/>
      <c r="AV120" s="398" t="s">
        <v>40</v>
      </c>
      <c r="AW120" s="399"/>
      <c r="AX120" s="331" t="s">
        <v>34</v>
      </c>
      <c r="AY120" s="207"/>
      <c r="AZ120" s="207"/>
      <c r="BA120" s="207"/>
      <c r="BB120" s="207"/>
      <c r="BC120" s="207"/>
      <c r="BD120" s="207"/>
      <c r="BE120" s="207"/>
      <c r="BF120" s="207"/>
      <c r="BG120" s="207"/>
      <c r="BH120" s="207" t="s">
        <v>26</v>
      </c>
      <c r="BI120" s="207"/>
      <c r="BJ120" s="5"/>
      <c r="BK120" s="67"/>
      <c r="BL120" s="67"/>
      <c r="BM120" s="67"/>
      <c r="BN120" s="67"/>
      <c r="BO120" s="67"/>
      <c r="BP120" s="67"/>
      <c r="BQ120" s="67"/>
      <c r="BR120" s="67"/>
    </row>
    <row r="121" spans="4:78" ht="16.5" customHeight="1">
      <c r="D121" s="406"/>
      <c r="E121" s="407"/>
      <c r="F121" s="407"/>
      <c r="G121" s="408"/>
      <c r="H121" s="395"/>
      <c r="I121" s="396"/>
      <c r="J121" s="396"/>
      <c r="K121" s="396"/>
      <c r="L121" s="396"/>
      <c r="M121" s="397"/>
      <c r="N121" s="395"/>
      <c r="O121" s="396"/>
      <c r="P121" s="396"/>
      <c r="Q121" s="396"/>
      <c r="R121" s="396"/>
      <c r="S121" s="396"/>
      <c r="T121" s="396"/>
      <c r="U121" s="396"/>
      <c r="V121" s="397"/>
      <c r="W121" s="395"/>
      <c r="X121" s="396"/>
      <c r="Y121" s="396"/>
      <c r="Z121" s="396"/>
      <c r="AA121" s="396"/>
      <c r="AB121" s="396"/>
      <c r="AC121" s="396"/>
      <c r="AD121" s="396"/>
      <c r="AE121" s="397"/>
      <c r="AF121" s="402"/>
      <c r="AG121" s="398"/>
      <c r="AH121" s="398"/>
      <c r="AI121" s="398"/>
      <c r="AJ121" s="398"/>
      <c r="AK121" s="398"/>
      <c r="AL121" s="398"/>
      <c r="AM121" s="399"/>
      <c r="AN121" s="395"/>
      <c r="AO121" s="396"/>
      <c r="AP121" s="396"/>
      <c r="AQ121" s="396"/>
      <c r="AR121" s="396"/>
      <c r="AS121" s="396"/>
      <c r="AT121" s="396"/>
      <c r="AU121" s="396"/>
      <c r="AV121" s="398"/>
      <c r="AW121" s="399"/>
      <c r="AX121" s="4"/>
      <c r="BB121" s="207"/>
      <c r="BC121" s="207"/>
      <c r="BD121" s="207"/>
      <c r="BE121" s="207"/>
      <c r="BF121" s="207"/>
      <c r="BG121" s="207"/>
      <c r="BH121" s="207"/>
      <c r="BI121" s="198" t="s">
        <v>40</v>
      </c>
      <c r="BJ121" s="5"/>
      <c r="BK121" s="67"/>
      <c r="BL121" s="67"/>
      <c r="BM121" s="67"/>
      <c r="BN121" s="67"/>
      <c r="BO121" s="67"/>
      <c r="BP121" s="67"/>
      <c r="BQ121" s="67"/>
      <c r="BR121" s="67"/>
    </row>
    <row r="122" spans="4:78" ht="20.100000000000001" customHeight="1">
      <c r="D122" s="406"/>
      <c r="E122" s="407"/>
      <c r="F122" s="407"/>
      <c r="G122" s="408"/>
      <c r="H122" s="393" t="s">
        <v>198</v>
      </c>
      <c r="I122" s="391"/>
      <c r="J122" s="391"/>
      <c r="K122" s="391"/>
      <c r="L122" s="391"/>
      <c r="M122" s="392"/>
      <c r="N122" s="393"/>
      <c r="O122" s="391"/>
      <c r="P122" s="391"/>
      <c r="Q122" s="391"/>
      <c r="R122" s="391"/>
      <c r="S122" s="391"/>
      <c r="T122" s="391"/>
      <c r="U122" s="391" t="s">
        <v>40</v>
      </c>
      <c r="V122" s="392"/>
      <c r="W122" s="393"/>
      <c r="X122" s="391"/>
      <c r="Y122" s="391"/>
      <c r="Z122" s="391"/>
      <c r="AA122" s="391"/>
      <c r="AB122" s="391"/>
      <c r="AC122" s="391"/>
      <c r="AD122" s="391" t="s">
        <v>40</v>
      </c>
      <c r="AE122" s="392"/>
      <c r="AF122" s="402"/>
      <c r="AG122" s="398"/>
      <c r="AH122" s="398"/>
      <c r="AI122" s="398"/>
      <c r="AJ122" s="398"/>
      <c r="AK122" s="398"/>
      <c r="AL122" s="398" t="s">
        <v>40</v>
      </c>
      <c r="AM122" s="399"/>
      <c r="AN122" s="393"/>
      <c r="AO122" s="391"/>
      <c r="AP122" s="391"/>
      <c r="AQ122" s="391"/>
      <c r="AR122" s="391"/>
      <c r="AS122" s="391"/>
      <c r="AT122" s="391"/>
      <c r="AU122" s="391"/>
      <c r="AV122" s="398" t="s">
        <v>40</v>
      </c>
      <c r="AW122" s="399"/>
      <c r="AX122" s="331" t="s">
        <v>34</v>
      </c>
      <c r="AY122" s="207"/>
      <c r="AZ122" s="207"/>
      <c r="BA122" s="207"/>
      <c r="BB122" s="207"/>
      <c r="BC122" s="207"/>
      <c r="BD122" s="207"/>
      <c r="BE122" s="207"/>
      <c r="BF122" s="207"/>
      <c r="BG122" s="207"/>
      <c r="BH122" s="207" t="s">
        <v>26</v>
      </c>
      <c r="BI122" s="207"/>
      <c r="BJ122" s="5"/>
      <c r="BK122" s="67"/>
      <c r="BL122" s="67"/>
      <c r="BM122" s="67"/>
      <c r="BN122" s="67"/>
      <c r="BO122" s="67"/>
      <c r="BP122" s="67"/>
      <c r="BQ122" s="67"/>
      <c r="BR122" s="67"/>
    </row>
    <row r="123" spans="4:78" ht="16.5" customHeight="1">
      <c r="D123" s="406"/>
      <c r="E123" s="407"/>
      <c r="F123" s="407"/>
      <c r="G123" s="408"/>
      <c r="H123" s="395"/>
      <c r="I123" s="396"/>
      <c r="J123" s="396"/>
      <c r="K123" s="396"/>
      <c r="L123" s="396"/>
      <c r="M123" s="397"/>
      <c r="N123" s="395"/>
      <c r="O123" s="396"/>
      <c r="P123" s="396"/>
      <c r="Q123" s="396"/>
      <c r="R123" s="396"/>
      <c r="S123" s="396"/>
      <c r="T123" s="396"/>
      <c r="U123" s="396"/>
      <c r="V123" s="397"/>
      <c r="W123" s="395"/>
      <c r="X123" s="396"/>
      <c r="Y123" s="396"/>
      <c r="Z123" s="396"/>
      <c r="AA123" s="396"/>
      <c r="AB123" s="396"/>
      <c r="AC123" s="396"/>
      <c r="AD123" s="396"/>
      <c r="AE123" s="397"/>
      <c r="AF123" s="402"/>
      <c r="AG123" s="398"/>
      <c r="AH123" s="398"/>
      <c r="AI123" s="398"/>
      <c r="AJ123" s="398"/>
      <c r="AK123" s="398"/>
      <c r="AL123" s="398"/>
      <c r="AM123" s="399"/>
      <c r="AN123" s="395"/>
      <c r="AO123" s="396"/>
      <c r="AP123" s="396"/>
      <c r="AQ123" s="396"/>
      <c r="AR123" s="396"/>
      <c r="AS123" s="396"/>
      <c r="AT123" s="396"/>
      <c r="AU123" s="396"/>
      <c r="AV123" s="398"/>
      <c r="AW123" s="399"/>
      <c r="AX123" s="4"/>
      <c r="BB123" s="207"/>
      <c r="BC123" s="207"/>
      <c r="BD123" s="207"/>
      <c r="BE123" s="207"/>
      <c r="BF123" s="207"/>
      <c r="BG123" s="207"/>
      <c r="BH123" s="207"/>
      <c r="BI123" s="198" t="s">
        <v>40</v>
      </c>
      <c r="BJ123" s="5"/>
      <c r="BK123" s="67"/>
      <c r="BL123" s="67"/>
      <c r="BM123" s="67"/>
      <c r="BN123" s="67"/>
      <c r="BO123" s="67"/>
      <c r="BP123" s="67"/>
      <c r="BQ123" s="67"/>
      <c r="BR123" s="67"/>
    </row>
    <row r="124" spans="4:78" ht="20.100000000000001" customHeight="1">
      <c r="D124" s="406"/>
      <c r="E124" s="407"/>
      <c r="F124" s="407"/>
      <c r="G124" s="408"/>
      <c r="H124" s="393" t="s">
        <v>197</v>
      </c>
      <c r="I124" s="391"/>
      <c r="J124" s="391"/>
      <c r="K124" s="391"/>
      <c r="L124" s="391"/>
      <c r="M124" s="392"/>
      <c r="N124" s="393"/>
      <c r="O124" s="391"/>
      <c r="P124" s="391"/>
      <c r="Q124" s="391"/>
      <c r="R124" s="391"/>
      <c r="S124" s="391"/>
      <c r="T124" s="391"/>
      <c r="U124" s="391" t="s">
        <v>40</v>
      </c>
      <c r="V124" s="392"/>
      <c r="W124" s="393"/>
      <c r="X124" s="391"/>
      <c r="Y124" s="391"/>
      <c r="Z124" s="391"/>
      <c r="AA124" s="391"/>
      <c r="AB124" s="391"/>
      <c r="AC124" s="391"/>
      <c r="AD124" s="391" t="s">
        <v>40</v>
      </c>
      <c r="AE124" s="392"/>
      <c r="AF124" s="402"/>
      <c r="AG124" s="398"/>
      <c r="AH124" s="398"/>
      <c r="AI124" s="398"/>
      <c r="AJ124" s="398"/>
      <c r="AK124" s="398"/>
      <c r="AL124" s="398" t="s">
        <v>40</v>
      </c>
      <c r="AM124" s="399"/>
      <c r="AN124" s="393"/>
      <c r="AO124" s="391"/>
      <c r="AP124" s="391"/>
      <c r="AQ124" s="391"/>
      <c r="AR124" s="391"/>
      <c r="AS124" s="391"/>
      <c r="AT124" s="391"/>
      <c r="AU124" s="391"/>
      <c r="AV124" s="398" t="s">
        <v>40</v>
      </c>
      <c r="AW124" s="399"/>
      <c r="AX124" s="331" t="s">
        <v>48</v>
      </c>
      <c r="AY124" s="207"/>
      <c r="AZ124" s="207"/>
      <c r="BA124" s="207"/>
      <c r="BB124" s="207"/>
      <c r="BC124" s="207"/>
      <c r="BD124" s="207"/>
      <c r="BE124" s="207"/>
      <c r="BF124" s="207"/>
      <c r="BG124" s="207"/>
      <c r="BH124" s="207" t="s">
        <v>26</v>
      </c>
      <c r="BI124" s="207"/>
      <c r="BJ124" s="5"/>
      <c r="BK124" s="67"/>
      <c r="BL124" s="67"/>
      <c r="BM124" s="67"/>
      <c r="BN124" s="67"/>
      <c r="BO124" s="67"/>
      <c r="BP124" s="67"/>
      <c r="BQ124" s="67"/>
      <c r="BR124" s="67"/>
    </row>
    <row r="125" spans="4:78" ht="16.5" customHeight="1">
      <c r="D125" s="406"/>
      <c r="E125" s="407"/>
      <c r="F125" s="407"/>
      <c r="G125" s="408"/>
      <c r="H125" s="395"/>
      <c r="I125" s="396"/>
      <c r="J125" s="396"/>
      <c r="K125" s="396"/>
      <c r="L125" s="396"/>
      <c r="M125" s="397"/>
      <c r="N125" s="395"/>
      <c r="O125" s="396"/>
      <c r="P125" s="396"/>
      <c r="Q125" s="396"/>
      <c r="R125" s="396"/>
      <c r="S125" s="396"/>
      <c r="T125" s="396"/>
      <c r="U125" s="396"/>
      <c r="V125" s="397"/>
      <c r="W125" s="395"/>
      <c r="X125" s="396"/>
      <c r="Y125" s="396"/>
      <c r="Z125" s="396"/>
      <c r="AA125" s="396"/>
      <c r="AB125" s="396"/>
      <c r="AC125" s="396"/>
      <c r="AD125" s="396"/>
      <c r="AE125" s="397"/>
      <c r="AF125" s="402"/>
      <c r="AG125" s="398"/>
      <c r="AH125" s="398"/>
      <c r="AI125" s="398"/>
      <c r="AJ125" s="398"/>
      <c r="AK125" s="398"/>
      <c r="AL125" s="398"/>
      <c r="AM125" s="399"/>
      <c r="AN125" s="395"/>
      <c r="AO125" s="396"/>
      <c r="AP125" s="396"/>
      <c r="AQ125" s="396"/>
      <c r="AR125" s="396"/>
      <c r="AS125" s="396"/>
      <c r="AT125" s="396"/>
      <c r="AU125" s="396"/>
      <c r="AV125" s="398"/>
      <c r="AW125" s="399"/>
      <c r="AX125" s="4"/>
      <c r="BB125" s="207"/>
      <c r="BC125" s="207"/>
      <c r="BD125" s="207"/>
      <c r="BE125" s="207"/>
      <c r="BF125" s="207"/>
      <c r="BG125" s="207"/>
      <c r="BH125" s="207"/>
      <c r="BI125" s="198" t="s">
        <v>40</v>
      </c>
      <c r="BJ125" s="5"/>
      <c r="BK125" s="67"/>
      <c r="BL125" s="67"/>
      <c r="BM125" s="67"/>
      <c r="BN125" s="67"/>
      <c r="BO125" s="67"/>
      <c r="BP125" s="67"/>
      <c r="BQ125" s="67"/>
      <c r="BR125" s="67"/>
    </row>
    <row r="126" spans="4:78" ht="20.100000000000001" customHeight="1">
      <c r="D126" s="406"/>
      <c r="E126" s="407"/>
      <c r="F126" s="407"/>
      <c r="G126" s="408"/>
      <c r="H126" s="503" t="s">
        <v>209</v>
      </c>
      <c r="I126" s="504"/>
      <c r="J126" s="504"/>
      <c r="K126" s="504"/>
      <c r="L126" s="504"/>
      <c r="M126" s="505"/>
      <c r="N126" s="393"/>
      <c r="O126" s="391"/>
      <c r="P126" s="391"/>
      <c r="Q126" s="391"/>
      <c r="R126" s="391"/>
      <c r="S126" s="391"/>
      <c r="T126" s="391"/>
      <c r="U126" s="391" t="s">
        <v>40</v>
      </c>
      <c r="V126" s="392"/>
      <c r="W126" s="393"/>
      <c r="X126" s="391"/>
      <c r="Y126" s="391"/>
      <c r="Z126" s="391"/>
      <c r="AA126" s="391"/>
      <c r="AB126" s="391"/>
      <c r="AC126" s="391"/>
      <c r="AD126" s="391" t="s">
        <v>40</v>
      </c>
      <c r="AE126" s="392"/>
      <c r="AF126" s="402"/>
      <c r="AG126" s="398"/>
      <c r="AH126" s="398"/>
      <c r="AI126" s="398"/>
      <c r="AJ126" s="398"/>
      <c r="AK126" s="398"/>
      <c r="AL126" s="398" t="s">
        <v>40</v>
      </c>
      <c r="AM126" s="399"/>
      <c r="AN126" s="393"/>
      <c r="AO126" s="391"/>
      <c r="AP126" s="391"/>
      <c r="AQ126" s="391"/>
      <c r="AR126" s="391"/>
      <c r="AS126" s="391"/>
      <c r="AT126" s="391"/>
      <c r="AU126" s="391"/>
      <c r="AV126" s="398" t="s">
        <v>40</v>
      </c>
      <c r="AW126" s="399"/>
      <c r="AX126" s="331" t="s">
        <v>48</v>
      </c>
      <c r="AY126" s="207"/>
      <c r="AZ126" s="207"/>
      <c r="BA126" s="207"/>
      <c r="BB126" s="207"/>
      <c r="BC126" s="207"/>
      <c r="BD126" s="207"/>
      <c r="BE126" s="207"/>
      <c r="BF126" s="207"/>
      <c r="BG126" s="207"/>
      <c r="BH126" s="207" t="s">
        <v>26</v>
      </c>
      <c r="BI126" s="207"/>
      <c r="BJ126" s="5"/>
      <c r="BK126" s="67"/>
      <c r="BL126" s="67"/>
      <c r="BM126" s="67"/>
      <c r="BN126" s="67"/>
      <c r="BO126" s="67"/>
      <c r="BP126" s="67"/>
      <c r="BQ126" s="67"/>
      <c r="BR126" s="67"/>
    </row>
    <row r="127" spans="4:78" ht="16.5" customHeight="1">
      <c r="D127" s="406"/>
      <c r="E127" s="407"/>
      <c r="F127" s="407"/>
      <c r="G127" s="408"/>
      <c r="H127" s="506"/>
      <c r="I127" s="507"/>
      <c r="J127" s="507"/>
      <c r="K127" s="507"/>
      <c r="L127" s="507"/>
      <c r="M127" s="508"/>
      <c r="N127" s="395"/>
      <c r="O127" s="396"/>
      <c r="P127" s="396"/>
      <c r="Q127" s="396"/>
      <c r="R127" s="396"/>
      <c r="S127" s="396"/>
      <c r="T127" s="396"/>
      <c r="U127" s="396"/>
      <c r="V127" s="397"/>
      <c r="W127" s="395"/>
      <c r="X127" s="396"/>
      <c r="Y127" s="396"/>
      <c r="Z127" s="396"/>
      <c r="AA127" s="396"/>
      <c r="AB127" s="396"/>
      <c r="AC127" s="396"/>
      <c r="AD127" s="396"/>
      <c r="AE127" s="397"/>
      <c r="AF127" s="402"/>
      <c r="AG127" s="398"/>
      <c r="AH127" s="398"/>
      <c r="AI127" s="398"/>
      <c r="AJ127" s="398"/>
      <c r="AK127" s="398"/>
      <c r="AL127" s="398"/>
      <c r="AM127" s="399"/>
      <c r="AN127" s="395"/>
      <c r="AO127" s="396"/>
      <c r="AP127" s="396"/>
      <c r="AQ127" s="396"/>
      <c r="AR127" s="396"/>
      <c r="AS127" s="396"/>
      <c r="AT127" s="396"/>
      <c r="AU127" s="396"/>
      <c r="AV127" s="398"/>
      <c r="AW127" s="399"/>
      <c r="AX127" s="4"/>
      <c r="BB127" s="207"/>
      <c r="BC127" s="207"/>
      <c r="BD127" s="207"/>
      <c r="BE127" s="207"/>
      <c r="BF127" s="207"/>
      <c r="BG127" s="207"/>
      <c r="BH127" s="207"/>
      <c r="BI127" s="198" t="s">
        <v>40</v>
      </c>
      <c r="BJ127" s="5"/>
      <c r="BK127" s="67"/>
      <c r="BL127" s="67"/>
      <c r="BM127" s="67"/>
      <c r="BN127" s="67"/>
      <c r="BO127" s="67"/>
      <c r="BP127" s="67"/>
      <c r="BQ127" s="67"/>
      <c r="BR127" s="67"/>
    </row>
    <row r="128" spans="4:78" ht="16.5" customHeight="1">
      <c r="D128" s="406"/>
      <c r="E128" s="407"/>
      <c r="F128" s="407"/>
      <c r="G128" s="408"/>
      <c r="H128" s="393" t="s">
        <v>57</v>
      </c>
      <c r="I128" s="391"/>
      <c r="J128" s="391"/>
      <c r="K128" s="391"/>
      <c r="L128" s="391"/>
      <c r="M128" s="392"/>
      <c r="N128" s="393"/>
      <c r="O128" s="391"/>
      <c r="P128" s="391"/>
      <c r="Q128" s="391"/>
      <c r="R128" s="391"/>
      <c r="S128" s="391"/>
      <c r="T128" s="391"/>
      <c r="U128" s="391" t="s">
        <v>40</v>
      </c>
      <c r="V128" s="392"/>
      <c r="W128" s="393"/>
      <c r="X128" s="391"/>
      <c r="Y128" s="391"/>
      <c r="Z128" s="391"/>
      <c r="AA128" s="391"/>
      <c r="AB128" s="391"/>
      <c r="AC128" s="391"/>
      <c r="AD128" s="391" t="s">
        <v>40</v>
      </c>
      <c r="AE128" s="392"/>
      <c r="AF128" s="402"/>
      <c r="AG128" s="398"/>
      <c r="AH128" s="398"/>
      <c r="AI128" s="398"/>
      <c r="AJ128" s="398"/>
      <c r="AK128" s="398"/>
      <c r="AL128" s="398" t="s">
        <v>40</v>
      </c>
      <c r="AM128" s="399"/>
      <c r="AN128" s="393"/>
      <c r="AO128" s="391"/>
      <c r="AP128" s="391"/>
      <c r="AQ128" s="391"/>
      <c r="AR128" s="391"/>
      <c r="AS128" s="391"/>
      <c r="AT128" s="391"/>
      <c r="AU128" s="391"/>
      <c r="AV128" s="398" t="s">
        <v>40</v>
      </c>
      <c r="AW128" s="399"/>
      <c r="AX128" s="4"/>
      <c r="BJ128" s="5"/>
      <c r="BK128" s="67"/>
      <c r="BL128" s="67"/>
      <c r="BM128" s="67"/>
      <c r="BN128" s="67"/>
      <c r="BO128" s="67"/>
      <c r="BP128" s="67"/>
      <c r="BQ128" s="67"/>
      <c r="BR128" s="67"/>
    </row>
    <row r="129" spans="4:81" ht="16.5" customHeight="1">
      <c r="D129" s="409"/>
      <c r="E129" s="410"/>
      <c r="F129" s="410"/>
      <c r="G129" s="411"/>
      <c r="H129" s="326"/>
      <c r="I129" s="208"/>
      <c r="J129" s="208"/>
      <c r="K129" s="208"/>
      <c r="L129" s="208"/>
      <c r="M129" s="327"/>
      <c r="N129" s="326"/>
      <c r="O129" s="208"/>
      <c r="P129" s="208"/>
      <c r="Q129" s="208"/>
      <c r="R129" s="208"/>
      <c r="S129" s="208"/>
      <c r="T129" s="208"/>
      <c r="U129" s="208"/>
      <c r="V129" s="327"/>
      <c r="W129" s="326"/>
      <c r="X129" s="208"/>
      <c r="Y129" s="208"/>
      <c r="Z129" s="208"/>
      <c r="AA129" s="208"/>
      <c r="AB129" s="208"/>
      <c r="AC129" s="208"/>
      <c r="AD129" s="208"/>
      <c r="AE129" s="327"/>
      <c r="AF129" s="403"/>
      <c r="AG129" s="404"/>
      <c r="AH129" s="404"/>
      <c r="AI129" s="404"/>
      <c r="AJ129" s="404"/>
      <c r="AK129" s="404"/>
      <c r="AL129" s="404"/>
      <c r="AM129" s="405"/>
      <c r="AN129" s="326"/>
      <c r="AO129" s="208"/>
      <c r="AP129" s="208"/>
      <c r="AQ129" s="208"/>
      <c r="AR129" s="208"/>
      <c r="AS129" s="208"/>
      <c r="AT129" s="208"/>
      <c r="AU129" s="208"/>
      <c r="AV129" s="404"/>
      <c r="AW129" s="405"/>
      <c r="AX129" s="193"/>
      <c r="AY129" s="194"/>
      <c r="AZ129" s="194"/>
      <c r="BA129" s="194"/>
      <c r="BB129" s="208"/>
      <c r="BC129" s="208"/>
      <c r="BD129" s="208"/>
      <c r="BE129" s="208"/>
      <c r="BF129" s="208"/>
      <c r="BG129" s="208"/>
      <c r="BH129" s="208"/>
      <c r="BI129" s="194"/>
      <c r="BJ129" s="195"/>
      <c r="BK129" s="67"/>
      <c r="BL129" s="67"/>
      <c r="BM129" s="67"/>
      <c r="BN129" s="67"/>
      <c r="BO129" s="67"/>
      <c r="BP129" s="67"/>
      <c r="BQ129" s="67"/>
      <c r="BR129" s="67"/>
    </row>
    <row r="130" spans="4:81" ht="20.25" customHeight="1">
      <c r="D130" s="31" t="s">
        <v>268</v>
      </c>
      <c r="E130" s="197"/>
      <c r="F130" s="24"/>
      <c r="G130" s="24"/>
      <c r="H130" s="24"/>
      <c r="I130" s="24"/>
      <c r="J130" s="24"/>
      <c r="K130" s="24"/>
      <c r="L130" s="24"/>
      <c r="M130" s="197"/>
      <c r="N130" s="197"/>
      <c r="O130" s="197"/>
      <c r="P130" s="24"/>
      <c r="Q130" s="24"/>
      <c r="R130" s="24"/>
      <c r="S130" s="24"/>
      <c r="T130" s="24"/>
      <c r="U130" s="24"/>
      <c r="V130" s="24"/>
      <c r="W130" s="24"/>
      <c r="X130" s="24"/>
      <c r="Y130" s="24"/>
      <c r="Z130" s="24"/>
      <c r="AA130" s="24"/>
      <c r="AB130" s="24"/>
      <c r="AC130" s="24"/>
      <c r="AD130" s="24"/>
      <c r="AE130" s="24"/>
      <c r="AF130" s="24"/>
      <c r="AG130" s="24"/>
      <c r="AH130" s="24"/>
      <c r="AI130" s="24"/>
      <c r="AJ130" s="24"/>
      <c r="AK130" s="24"/>
      <c r="AL130" s="24"/>
      <c r="AM130" s="24"/>
      <c r="AN130" s="24"/>
      <c r="AO130" s="24"/>
      <c r="AP130" s="24"/>
      <c r="AQ130" s="24"/>
      <c r="AR130" s="24"/>
      <c r="AS130" s="24"/>
      <c r="AT130" s="24"/>
      <c r="AU130" s="24"/>
      <c r="AV130" s="24"/>
      <c r="AW130" s="24"/>
      <c r="AX130" s="24"/>
      <c r="AY130" s="24"/>
      <c r="AZ130" s="24"/>
      <c r="BA130" s="24"/>
      <c r="BB130" s="24"/>
      <c r="BC130" s="24"/>
      <c r="BD130" s="24"/>
      <c r="BE130" s="24"/>
      <c r="BF130" s="24"/>
      <c r="BG130" s="24"/>
      <c r="BH130" s="24"/>
      <c r="BI130" s="67"/>
      <c r="BJ130" s="67"/>
      <c r="BK130" s="67"/>
      <c r="BL130" s="67"/>
      <c r="BM130" s="67"/>
      <c r="BN130" s="67"/>
      <c r="BO130" s="67"/>
      <c r="BP130" s="67"/>
    </row>
    <row r="131" spans="4:81" ht="11.25" customHeight="1">
      <c r="F131" s="67"/>
      <c r="G131" s="67"/>
      <c r="H131" s="67"/>
      <c r="I131" s="67"/>
      <c r="J131" s="67"/>
      <c r="K131" s="67"/>
      <c r="L131" s="67"/>
      <c r="P131" s="67"/>
      <c r="Q131" s="67"/>
      <c r="R131" s="67"/>
      <c r="S131" s="67"/>
      <c r="T131" s="67"/>
      <c r="U131" s="67"/>
      <c r="V131" s="67"/>
      <c r="W131" s="67"/>
      <c r="X131" s="67"/>
      <c r="Y131" s="67"/>
      <c r="Z131" s="67"/>
      <c r="AA131" s="67"/>
      <c r="AB131" s="67"/>
      <c r="AC131" s="67"/>
      <c r="AD131" s="67"/>
      <c r="AE131" s="67"/>
      <c r="AF131" s="67"/>
      <c r="AG131" s="67"/>
      <c r="AH131" s="67"/>
      <c r="AI131" s="67"/>
      <c r="AJ131" s="67"/>
      <c r="AK131" s="67"/>
      <c r="AL131" s="67"/>
      <c r="AM131" s="67"/>
      <c r="AN131" s="67"/>
      <c r="AO131" s="67"/>
      <c r="AP131" s="67"/>
      <c r="AQ131" s="67"/>
      <c r="AR131" s="67"/>
      <c r="AS131" s="67"/>
      <c r="AT131" s="67"/>
      <c r="AU131" s="67"/>
      <c r="AV131" s="67"/>
      <c r="AW131" s="67"/>
      <c r="AX131" s="67"/>
      <c r="AY131" s="67"/>
      <c r="AZ131" s="67"/>
      <c r="BA131" s="67"/>
      <c r="BB131" s="67"/>
      <c r="BC131" s="67"/>
      <c r="BD131" s="67"/>
      <c r="BE131" s="67"/>
      <c r="BF131" s="67"/>
      <c r="BG131" s="67"/>
      <c r="BH131" s="67"/>
      <c r="BI131" s="67"/>
      <c r="BJ131" s="67"/>
      <c r="BK131" s="67"/>
      <c r="BL131" s="67"/>
      <c r="BM131" s="67"/>
      <c r="BN131" s="67"/>
      <c r="BO131" s="67"/>
      <c r="BP131" s="67"/>
    </row>
    <row r="132" spans="4:81" ht="22.5" customHeight="1">
      <c r="D132" s="394"/>
      <c r="E132" s="394"/>
      <c r="F132" s="394"/>
      <c r="G132" s="394"/>
      <c r="H132" s="394"/>
      <c r="I132" s="394"/>
      <c r="J132" s="394"/>
      <c r="K132" s="284" t="s">
        <v>52</v>
      </c>
      <c r="L132" s="262"/>
      <c r="M132" s="262"/>
      <c r="N132" s="262"/>
      <c r="O132" s="262"/>
      <c r="P132" s="285"/>
      <c r="Q132" s="284" t="s">
        <v>53</v>
      </c>
      <c r="R132" s="262"/>
      <c r="S132" s="262"/>
      <c r="T132" s="262"/>
      <c r="U132" s="262"/>
      <c r="V132" s="285"/>
      <c r="W132" s="284" t="s">
        <v>54</v>
      </c>
      <c r="X132" s="262"/>
      <c r="Y132" s="262"/>
      <c r="Z132" s="262"/>
      <c r="AA132" s="262"/>
      <c r="AB132" s="285"/>
      <c r="AC132" s="284" t="s">
        <v>55</v>
      </c>
      <c r="AD132" s="262"/>
      <c r="AE132" s="262"/>
      <c r="AF132" s="262"/>
      <c r="AG132" s="262"/>
      <c r="AH132" s="285"/>
      <c r="AI132" s="284" t="s">
        <v>187</v>
      </c>
      <c r="AJ132" s="262"/>
      <c r="AK132" s="262"/>
      <c r="AL132" s="262"/>
      <c r="AM132" s="262"/>
      <c r="AN132" s="285"/>
      <c r="AO132" s="284" t="s">
        <v>188</v>
      </c>
      <c r="AP132" s="262"/>
      <c r="AQ132" s="262"/>
      <c r="AR132" s="262"/>
      <c r="AS132" s="262"/>
      <c r="AT132" s="285"/>
      <c r="AU132" s="400" t="s">
        <v>189</v>
      </c>
      <c r="AV132" s="401"/>
      <c r="AW132" s="401"/>
      <c r="AX132" s="401"/>
      <c r="AY132" s="401"/>
      <c r="AZ132" s="401"/>
      <c r="BA132" s="401"/>
      <c r="BB132" s="284" t="s">
        <v>57</v>
      </c>
      <c r="BC132" s="262"/>
      <c r="BD132" s="262"/>
      <c r="BE132" s="262"/>
      <c r="BF132" s="262"/>
      <c r="BG132" s="285"/>
      <c r="BH132" s="394" t="s">
        <v>56</v>
      </c>
      <c r="BI132" s="394"/>
      <c r="BJ132" s="394"/>
      <c r="BK132" s="394"/>
      <c r="BL132" s="394"/>
      <c r="BM132" s="394"/>
      <c r="BN132" s="394"/>
    </row>
    <row r="133" spans="4:81" ht="24.95" customHeight="1">
      <c r="D133" s="25"/>
      <c r="E133" s="262" t="s">
        <v>211</v>
      </c>
      <c r="F133" s="262"/>
      <c r="G133" s="26" t="s">
        <v>212</v>
      </c>
      <c r="H133" s="26"/>
      <c r="I133" s="26"/>
      <c r="J133" s="27"/>
      <c r="K133" s="284"/>
      <c r="L133" s="262"/>
      <c r="M133" s="262"/>
      <c r="N133" s="262"/>
      <c r="O133" s="262"/>
      <c r="P133" s="285"/>
      <c r="Q133" s="284"/>
      <c r="R133" s="262"/>
      <c r="S133" s="262"/>
      <c r="T133" s="262"/>
      <c r="U133" s="262"/>
      <c r="V133" s="285"/>
      <c r="W133" s="284"/>
      <c r="X133" s="262"/>
      <c r="Y133" s="262"/>
      <c r="Z133" s="262"/>
      <c r="AA133" s="262"/>
      <c r="AB133" s="285"/>
      <c r="AC133" s="284"/>
      <c r="AD133" s="262"/>
      <c r="AE133" s="262"/>
      <c r="AF133" s="262"/>
      <c r="AG133" s="262"/>
      <c r="AH133" s="285"/>
      <c r="AI133" s="284"/>
      <c r="AJ133" s="262"/>
      <c r="AK133" s="262"/>
      <c r="AL133" s="262"/>
      <c r="AM133" s="262"/>
      <c r="AN133" s="285"/>
      <c r="AO133" s="284"/>
      <c r="AP133" s="262"/>
      <c r="AQ133" s="262"/>
      <c r="AR133" s="262"/>
      <c r="AS133" s="262"/>
      <c r="AT133" s="285"/>
      <c r="AU133" s="394"/>
      <c r="AV133" s="394"/>
      <c r="AW133" s="394"/>
      <c r="AX133" s="394"/>
      <c r="AY133" s="394"/>
      <c r="AZ133" s="394"/>
      <c r="BA133" s="394"/>
      <c r="BB133" s="284"/>
      <c r="BC133" s="262"/>
      <c r="BD133" s="262"/>
      <c r="BE133" s="262"/>
      <c r="BF133" s="262"/>
      <c r="BG133" s="285"/>
      <c r="BH133" s="394"/>
      <c r="BI133" s="394"/>
      <c r="BJ133" s="394"/>
      <c r="BK133" s="394"/>
      <c r="BL133" s="394"/>
      <c r="BM133" s="394"/>
      <c r="BN133" s="394"/>
    </row>
    <row r="134" spans="4:81" ht="14.25" customHeight="1">
      <c r="M134" s="67"/>
      <c r="N134" s="67"/>
      <c r="O134" s="67"/>
      <c r="P134" s="67"/>
      <c r="Q134" s="67"/>
      <c r="R134" s="67"/>
      <c r="S134" s="67"/>
      <c r="T134" s="67"/>
      <c r="U134" s="67"/>
      <c r="V134" s="67"/>
      <c r="W134" s="67"/>
      <c r="X134" s="67"/>
      <c r="Y134" s="67"/>
      <c r="Z134" s="67"/>
      <c r="AA134" s="67"/>
      <c r="AB134" s="67"/>
      <c r="AC134" s="67"/>
      <c r="AD134" s="67"/>
      <c r="AE134" s="67"/>
      <c r="AF134" s="67"/>
      <c r="AG134" s="67"/>
      <c r="AH134" s="67"/>
      <c r="AI134" s="67"/>
      <c r="AJ134" s="67"/>
      <c r="AK134" s="67"/>
      <c r="AL134" s="67"/>
      <c r="AM134" s="29"/>
      <c r="AN134" s="29"/>
      <c r="AO134" s="26"/>
      <c r="AP134" s="26"/>
      <c r="AQ134" s="29"/>
      <c r="AR134" s="29"/>
      <c r="AS134" s="29"/>
      <c r="AT134" s="29"/>
      <c r="AU134" s="29"/>
      <c r="AV134" s="29"/>
      <c r="AW134" s="29"/>
      <c r="AX134" s="29"/>
      <c r="AY134" s="29"/>
      <c r="AZ134" s="29"/>
      <c r="BA134" s="29"/>
      <c r="BB134" s="29"/>
      <c r="BC134" s="29"/>
      <c r="BD134" s="29"/>
      <c r="BE134" s="29"/>
      <c r="BF134" s="29"/>
      <c r="BG134" s="29"/>
      <c r="BH134" s="18"/>
      <c r="BI134" s="18"/>
      <c r="BJ134" s="18"/>
      <c r="BK134" s="18"/>
      <c r="BL134" s="18"/>
      <c r="BM134" s="18"/>
      <c r="BN134" s="67"/>
      <c r="BO134" s="67"/>
      <c r="BP134" s="67"/>
      <c r="BQ134" s="67"/>
      <c r="BR134" s="67"/>
      <c r="BS134" s="67"/>
      <c r="BT134" s="67"/>
      <c r="BU134" s="67"/>
      <c r="BV134" s="67"/>
      <c r="BW134" s="67"/>
    </row>
    <row r="135" spans="4:81" ht="24" customHeight="1">
      <c r="D135" s="25"/>
      <c r="E135" s="262" t="s">
        <v>172</v>
      </c>
      <c r="F135" s="262"/>
      <c r="G135" s="26"/>
      <c r="H135" s="26" t="s">
        <v>173</v>
      </c>
      <c r="I135" s="26"/>
      <c r="J135" s="26"/>
      <c r="K135" s="26"/>
      <c r="L135" s="26"/>
      <c r="M135" s="29"/>
      <c r="N135" s="29"/>
      <c r="O135" s="29"/>
      <c r="P135" s="29"/>
      <c r="Q135" s="29"/>
      <c r="R135" s="29"/>
      <c r="S135" s="29"/>
      <c r="T135" s="29"/>
      <c r="U135" s="29"/>
      <c r="V135" s="29"/>
      <c r="W135" s="29"/>
      <c r="X135" s="29"/>
      <c r="Y135" s="29"/>
      <c r="Z135" s="29"/>
      <c r="AA135" s="29"/>
      <c r="AB135" s="29"/>
      <c r="AC135" s="29"/>
      <c r="AD135" s="29"/>
      <c r="AE135" s="29"/>
      <c r="AF135" s="29"/>
      <c r="AG135" s="29"/>
      <c r="AH135" s="29"/>
      <c r="AI135" s="29"/>
      <c r="AJ135" s="29"/>
      <c r="AK135" s="29"/>
      <c r="AL135" s="29"/>
      <c r="AM135" s="29"/>
      <c r="AN135" s="29"/>
      <c r="AO135" s="29"/>
      <c r="AP135" s="29"/>
      <c r="AQ135" s="26" t="s">
        <v>407</v>
      </c>
      <c r="AR135" s="26"/>
      <c r="AV135" s="207"/>
      <c r="AW135" s="207"/>
      <c r="AX135" s="207"/>
      <c r="AY135" s="198" t="s">
        <v>2</v>
      </c>
      <c r="BA135" s="207"/>
      <c r="BB135" s="207"/>
      <c r="BC135" s="207"/>
      <c r="BD135" s="146" t="s">
        <v>3</v>
      </c>
      <c r="BF135" s="207"/>
      <c r="BG135" s="207"/>
      <c r="BH135" s="207"/>
      <c r="BI135" s="198" t="s">
        <v>67</v>
      </c>
      <c r="BM135" s="18"/>
      <c r="BN135" s="30"/>
      <c r="BO135" s="67"/>
      <c r="BP135" s="67"/>
      <c r="BQ135" s="67"/>
      <c r="BR135" s="67"/>
      <c r="BS135" s="67"/>
      <c r="BT135" s="67"/>
      <c r="BU135" s="67"/>
      <c r="BV135" s="67"/>
      <c r="BW135" s="67"/>
      <c r="BX135" s="67"/>
      <c r="BY135" s="67"/>
      <c r="BZ135" s="67"/>
      <c r="CA135" s="67"/>
      <c r="CB135" s="67"/>
      <c r="CC135" s="67"/>
    </row>
    <row r="136" spans="4:81" ht="47.25" customHeight="1">
      <c r="D136" s="516"/>
      <c r="E136" s="517"/>
      <c r="F136" s="517"/>
      <c r="G136" s="517"/>
      <c r="H136" s="517"/>
      <c r="I136" s="517"/>
      <c r="J136" s="517"/>
      <c r="K136" s="517"/>
      <c r="L136" s="517"/>
      <c r="M136" s="517"/>
      <c r="N136" s="517"/>
      <c r="O136" s="517"/>
      <c r="P136" s="517"/>
      <c r="Q136" s="517"/>
      <c r="R136" s="517"/>
      <c r="S136" s="517"/>
      <c r="T136" s="517"/>
      <c r="U136" s="518"/>
      <c r="V136" s="509" t="s">
        <v>202</v>
      </c>
      <c r="W136" s="510"/>
      <c r="X136" s="510"/>
      <c r="Y136" s="510"/>
      <c r="Z136" s="511"/>
      <c r="AA136" s="509" t="s">
        <v>201</v>
      </c>
      <c r="AB136" s="510"/>
      <c r="AC136" s="510"/>
      <c r="AD136" s="510"/>
      <c r="AE136" s="511"/>
      <c r="AF136" s="509" t="s">
        <v>200</v>
      </c>
      <c r="AG136" s="510"/>
      <c r="AH136" s="510"/>
      <c r="AI136" s="510"/>
      <c r="AJ136" s="511"/>
      <c r="AK136" s="509" t="s">
        <v>199</v>
      </c>
      <c r="AL136" s="510"/>
      <c r="AM136" s="510"/>
      <c r="AN136" s="510"/>
      <c r="AO136" s="511"/>
      <c r="AP136" s="509" t="s">
        <v>198</v>
      </c>
      <c r="AQ136" s="510"/>
      <c r="AR136" s="510"/>
      <c r="AS136" s="510"/>
      <c r="AT136" s="511"/>
      <c r="AU136" s="509" t="s">
        <v>197</v>
      </c>
      <c r="AV136" s="510"/>
      <c r="AW136" s="510"/>
      <c r="AX136" s="510"/>
      <c r="AY136" s="511"/>
      <c r="AZ136" s="512" t="s">
        <v>196</v>
      </c>
      <c r="BA136" s="513"/>
      <c r="BB136" s="513"/>
      <c r="BC136" s="513"/>
      <c r="BD136" s="514"/>
      <c r="BE136" s="509" t="s">
        <v>195</v>
      </c>
      <c r="BF136" s="510"/>
      <c r="BG136" s="510"/>
      <c r="BH136" s="510"/>
      <c r="BI136" s="511"/>
      <c r="BJ136" s="509" t="s">
        <v>194</v>
      </c>
      <c r="BK136" s="510"/>
      <c r="BL136" s="510"/>
      <c r="BM136" s="510"/>
      <c r="BN136" s="511"/>
      <c r="BO136" s="67"/>
      <c r="BP136" s="67"/>
      <c r="BQ136" s="67"/>
      <c r="BR136" s="67"/>
      <c r="BS136" s="67"/>
      <c r="BT136" s="67"/>
      <c r="BU136" s="67"/>
      <c r="BV136" s="67"/>
      <c r="BW136" s="67"/>
      <c r="BX136" s="67"/>
      <c r="BY136" s="67"/>
      <c r="BZ136" s="67"/>
      <c r="CA136" s="67"/>
      <c r="CB136" s="67"/>
      <c r="CC136" s="67"/>
    </row>
    <row r="137" spans="4:81" ht="20.100000000000001" customHeight="1">
      <c r="D137" s="324" t="s">
        <v>103</v>
      </c>
      <c r="E137" s="206"/>
      <c r="F137" s="206"/>
      <c r="G137" s="206"/>
      <c r="H137" s="325"/>
      <c r="I137" s="367" t="s">
        <v>107</v>
      </c>
      <c r="J137" s="337"/>
      <c r="K137" s="337"/>
      <c r="L137" s="337"/>
      <c r="M137" s="337"/>
      <c r="N137" s="337"/>
      <c r="O137" s="337"/>
      <c r="P137" s="337"/>
      <c r="Q137" s="337"/>
      <c r="R137" s="337"/>
      <c r="S137" s="337"/>
      <c r="T137" s="337"/>
      <c r="U137" s="338"/>
      <c r="V137" s="333"/>
      <c r="W137" s="334"/>
      <c r="X137" s="334"/>
      <c r="Y137" s="334"/>
      <c r="Z137" s="335"/>
      <c r="AA137" s="333"/>
      <c r="AB137" s="334"/>
      <c r="AC137" s="334"/>
      <c r="AD137" s="334"/>
      <c r="AE137" s="335"/>
      <c r="AF137" s="333"/>
      <c r="AG137" s="334"/>
      <c r="AH137" s="334"/>
      <c r="AI137" s="334"/>
      <c r="AJ137" s="335"/>
      <c r="AK137" s="333"/>
      <c r="AL137" s="334"/>
      <c r="AM137" s="334"/>
      <c r="AN137" s="334"/>
      <c r="AO137" s="335"/>
      <c r="AP137" s="333"/>
      <c r="AQ137" s="334"/>
      <c r="AR137" s="334"/>
      <c r="AS137" s="334"/>
      <c r="AT137" s="335"/>
      <c r="AU137" s="333"/>
      <c r="AV137" s="334"/>
      <c r="AW137" s="334"/>
      <c r="AX137" s="334"/>
      <c r="AY137" s="335"/>
      <c r="AZ137" s="333"/>
      <c r="BA137" s="334"/>
      <c r="BB137" s="334"/>
      <c r="BC137" s="334"/>
      <c r="BD137" s="335"/>
      <c r="BE137" s="333"/>
      <c r="BF137" s="334"/>
      <c r="BG137" s="334"/>
      <c r="BH137" s="334"/>
      <c r="BI137" s="335"/>
      <c r="BJ137" s="333"/>
      <c r="BK137" s="334"/>
      <c r="BL137" s="334"/>
      <c r="BM137" s="334"/>
      <c r="BN137" s="335"/>
      <c r="BO137" s="67"/>
      <c r="BP137" s="67"/>
      <c r="BQ137" s="67"/>
      <c r="BR137" s="67"/>
      <c r="BS137" s="67"/>
      <c r="BT137" s="67"/>
      <c r="BU137" s="67"/>
      <c r="BV137" s="67"/>
      <c r="BW137" s="67"/>
      <c r="BX137" s="67"/>
      <c r="BY137" s="67"/>
      <c r="BZ137" s="67"/>
      <c r="CA137" s="67"/>
      <c r="CB137" s="67"/>
      <c r="CC137" s="67"/>
    </row>
    <row r="138" spans="4:81" ht="20.100000000000001" customHeight="1">
      <c r="D138" s="326"/>
      <c r="E138" s="208"/>
      <c r="F138" s="208"/>
      <c r="G138" s="208"/>
      <c r="H138" s="327"/>
      <c r="I138" s="368"/>
      <c r="J138" s="369"/>
      <c r="K138" s="369"/>
      <c r="L138" s="369"/>
      <c r="M138" s="369"/>
      <c r="N138" s="369"/>
      <c r="O138" s="369"/>
      <c r="P138" s="369"/>
      <c r="Q138" s="369"/>
      <c r="R138" s="369"/>
      <c r="S138" s="369"/>
      <c r="T138" s="369"/>
      <c r="U138" s="370"/>
      <c r="V138" s="17" t="s">
        <v>360</v>
      </c>
      <c r="W138" s="246"/>
      <c r="X138" s="246"/>
      <c r="Y138" s="246"/>
      <c r="Z138" s="132" t="s">
        <v>361</v>
      </c>
      <c r="AA138" s="17" t="s">
        <v>360</v>
      </c>
      <c r="AB138" s="246"/>
      <c r="AC138" s="246"/>
      <c r="AD138" s="246"/>
      <c r="AE138" s="132" t="s">
        <v>361</v>
      </c>
      <c r="AF138" s="17" t="s">
        <v>360</v>
      </c>
      <c r="AG138" s="246"/>
      <c r="AH138" s="246"/>
      <c r="AI138" s="246"/>
      <c r="AJ138" s="132" t="s">
        <v>361</v>
      </c>
      <c r="AK138" s="17" t="s">
        <v>360</v>
      </c>
      <c r="AL138" s="246"/>
      <c r="AM138" s="246"/>
      <c r="AN138" s="246"/>
      <c r="AO138" s="132" t="s">
        <v>361</v>
      </c>
      <c r="AP138" s="17" t="s">
        <v>360</v>
      </c>
      <c r="AQ138" s="246"/>
      <c r="AR138" s="246"/>
      <c r="AS138" s="246"/>
      <c r="AT138" s="132" t="s">
        <v>361</v>
      </c>
      <c r="AU138" s="17" t="s">
        <v>360</v>
      </c>
      <c r="AV138" s="246"/>
      <c r="AW138" s="246"/>
      <c r="AX138" s="246"/>
      <c r="AY138" s="132" t="s">
        <v>361</v>
      </c>
      <c r="AZ138" s="17" t="s">
        <v>360</v>
      </c>
      <c r="BA138" s="246"/>
      <c r="BB138" s="246"/>
      <c r="BC138" s="246"/>
      <c r="BD138" s="132" t="s">
        <v>361</v>
      </c>
      <c r="BE138" s="17" t="s">
        <v>360</v>
      </c>
      <c r="BF138" s="246"/>
      <c r="BG138" s="246"/>
      <c r="BH138" s="246"/>
      <c r="BI138" s="132" t="s">
        <v>361</v>
      </c>
      <c r="BJ138" s="17" t="s">
        <v>360</v>
      </c>
      <c r="BK138" s="246"/>
      <c r="BL138" s="246"/>
      <c r="BM138" s="246"/>
      <c r="BN138" s="132" t="s">
        <v>361</v>
      </c>
      <c r="BO138" s="67"/>
      <c r="BP138" s="67"/>
      <c r="BQ138" s="67"/>
      <c r="BR138" s="67"/>
      <c r="BS138" s="67"/>
      <c r="BT138" s="67"/>
      <c r="BU138" s="67"/>
      <c r="BV138" s="67"/>
      <c r="BW138" s="67"/>
      <c r="BX138" s="67"/>
      <c r="BY138" s="67"/>
      <c r="BZ138" s="67"/>
      <c r="CA138" s="67"/>
      <c r="CB138" s="67"/>
      <c r="CC138" s="67"/>
    </row>
    <row r="139" spans="4:81" ht="20.100000000000001" customHeight="1">
      <c r="D139" s="324" t="s">
        <v>104</v>
      </c>
      <c r="E139" s="206"/>
      <c r="F139" s="206"/>
      <c r="G139" s="206"/>
      <c r="H139" s="325"/>
      <c r="I139" s="367" t="s">
        <v>108</v>
      </c>
      <c r="J139" s="337"/>
      <c r="K139" s="337"/>
      <c r="L139" s="337"/>
      <c r="M139" s="337"/>
      <c r="N139" s="337"/>
      <c r="O139" s="337"/>
      <c r="P139" s="337"/>
      <c r="Q139" s="337"/>
      <c r="R139" s="337"/>
      <c r="S139" s="337"/>
      <c r="T139" s="337"/>
      <c r="U139" s="338"/>
      <c r="V139" s="333"/>
      <c r="W139" s="334"/>
      <c r="X139" s="334"/>
      <c r="Y139" s="334"/>
      <c r="Z139" s="335"/>
      <c r="AA139" s="333"/>
      <c r="AB139" s="334"/>
      <c r="AC139" s="334"/>
      <c r="AD139" s="334"/>
      <c r="AE139" s="335"/>
      <c r="AF139" s="333"/>
      <c r="AG139" s="334"/>
      <c r="AH139" s="334"/>
      <c r="AI139" s="334"/>
      <c r="AJ139" s="335"/>
      <c r="AK139" s="333"/>
      <c r="AL139" s="334"/>
      <c r="AM139" s="334"/>
      <c r="AN139" s="334"/>
      <c r="AO139" s="335"/>
      <c r="AP139" s="333"/>
      <c r="AQ139" s="334"/>
      <c r="AR139" s="334"/>
      <c r="AS139" s="334"/>
      <c r="AT139" s="335"/>
      <c r="AU139" s="333"/>
      <c r="AV139" s="334"/>
      <c r="AW139" s="334"/>
      <c r="AX139" s="334"/>
      <c r="AY139" s="335"/>
      <c r="AZ139" s="333"/>
      <c r="BA139" s="334"/>
      <c r="BB139" s="334"/>
      <c r="BC139" s="334"/>
      <c r="BD139" s="335"/>
      <c r="BE139" s="333"/>
      <c r="BF139" s="334"/>
      <c r="BG139" s="334"/>
      <c r="BH139" s="334"/>
      <c r="BI139" s="335"/>
      <c r="BJ139" s="333"/>
      <c r="BK139" s="334"/>
      <c r="BL139" s="334"/>
      <c r="BM139" s="334"/>
      <c r="BN139" s="335"/>
      <c r="BQ139" s="146"/>
      <c r="BR139" s="146"/>
      <c r="BS139" s="146"/>
      <c r="BT139" s="146"/>
      <c r="BW139" s="146"/>
      <c r="BX139" s="146"/>
      <c r="BY139" s="146"/>
      <c r="BZ139" s="146"/>
      <c r="CC139" s="146"/>
    </row>
    <row r="140" spans="4:81" ht="20.100000000000001" customHeight="1">
      <c r="D140" s="326"/>
      <c r="E140" s="208"/>
      <c r="F140" s="208"/>
      <c r="G140" s="208"/>
      <c r="H140" s="327"/>
      <c r="I140" s="368"/>
      <c r="J140" s="369"/>
      <c r="K140" s="369"/>
      <c r="L140" s="369"/>
      <c r="M140" s="369"/>
      <c r="N140" s="369"/>
      <c r="O140" s="369"/>
      <c r="P140" s="369"/>
      <c r="Q140" s="369"/>
      <c r="R140" s="369"/>
      <c r="S140" s="369"/>
      <c r="T140" s="369"/>
      <c r="U140" s="370"/>
      <c r="V140" s="17" t="s">
        <v>360</v>
      </c>
      <c r="W140" s="246"/>
      <c r="X140" s="246"/>
      <c r="Y140" s="246"/>
      <c r="Z140" s="132" t="s">
        <v>361</v>
      </c>
      <c r="AA140" s="17" t="s">
        <v>360</v>
      </c>
      <c r="AB140" s="246"/>
      <c r="AC140" s="246"/>
      <c r="AD140" s="246"/>
      <c r="AE140" s="132" t="s">
        <v>361</v>
      </c>
      <c r="AF140" s="17" t="s">
        <v>360</v>
      </c>
      <c r="AG140" s="246"/>
      <c r="AH140" s="246"/>
      <c r="AI140" s="246"/>
      <c r="AJ140" s="132" t="s">
        <v>361</v>
      </c>
      <c r="AK140" s="17" t="s">
        <v>360</v>
      </c>
      <c r="AL140" s="246"/>
      <c r="AM140" s="246"/>
      <c r="AN140" s="246"/>
      <c r="AO140" s="132" t="s">
        <v>361</v>
      </c>
      <c r="AP140" s="17" t="s">
        <v>360</v>
      </c>
      <c r="AQ140" s="246"/>
      <c r="AR140" s="246"/>
      <c r="AS140" s="246"/>
      <c r="AT140" s="132" t="s">
        <v>361</v>
      </c>
      <c r="AU140" s="17" t="s">
        <v>360</v>
      </c>
      <c r="AV140" s="246"/>
      <c r="AW140" s="246"/>
      <c r="AX140" s="246"/>
      <c r="AY140" s="132" t="s">
        <v>361</v>
      </c>
      <c r="AZ140" s="17" t="s">
        <v>360</v>
      </c>
      <c r="BA140" s="246"/>
      <c r="BB140" s="246"/>
      <c r="BC140" s="246"/>
      <c r="BD140" s="132" t="s">
        <v>361</v>
      </c>
      <c r="BE140" s="17" t="s">
        <v>360</v>
      </c>
      <c r="BF140" s="246"/>
      <c r="BG140" s="246"/>
      <c r="BH140" s="246"/>
      <c r="BI140" s="132" t="s">
        <v>361</v>
      </c>
      <c r="BJ140" s="17" t="s">
        <v>360</v>
      </c>
      <c r="BK140" s="246"/>
      <c r="BL140" s="246"/>
      <c r="BM140" s="246"/>
      <c r="BN140" s="132" t="s">
        <v>361</v>
      </c>
      <c r="BQ140" s="146"/>
      <c r="BR140" s="146"/>
      <c r="BS140" s="146"/>
      <c r="BT140" s="146"/>
      <c r="BW140" s="146"/>
      <c r="BX140" s="146"/>
      <c r="BY140" s="146"/>
      <c r="BZ140" s="146"/>
      <c r="CC140" s="146"/>
    </row>
    <row r="141" spans="4:81" ht="20.100000000000001" customHeight="1">
      <c r="D141" s="324" t="s">
        <v>105</v>
      </c>
      <c r="E141" s="206"/>
      <c r="F141" s="206"/>
      <c r="G141" s="206"/>
      <c r="H141" s="325"/>
      <c r="I141" s="367" t="s">
        <v>101</v>
      </c>
      <c r="J141" s="337"/>
      <c r="K141" s="337"/>
      <c r="L141" s="337"/>
      <c r="M141" s="337"/>
      <c r="N141" s="337"/>
      <c r="O141" s="337"/>
      <c r="P141" s="337"/>
      <c r="Q141" s="337"/>
      <c r="R141" s="337"/>
      <c r="S141" s="337"/>
      <c r="T141" s="337"/>
      <c r="U141" s="338"/>
      <c r="V141" s="333"/>
      <c r="W141" s="334"/>
      <c r="X141" s="334"/>
      <c r="Y141" s="334"/>
      <c r="Z141" s="335"/>
      <c r="AA141" s="333"/>
      <c r="AB141" s="334"/>
      <c r="AC141" s="334"/>
      <c r="AD141" s="334"/>
      <c r="AE141" s="335"/>
      <c r="AF141" s="333"/>
      <c r="AG141" s="334"/>
      <c r="AH141" s="334"/>
      <c r="AI141" s="334"/>
      <c r="AJ141" s="335"/>
      <c r="AK141" s="333"/>
      <c r="AL141" s="334"/>
      <c r="AM141" s="334"/>
      <c r="AN141" s="334"/>
      <c r="AO141" s="335"/>
      <c r="AP141" s="333"/>
      <c r="AQ141" s="334"/>
      <c r="AR141" s="334"/>
      <c r="AS141" s="334"/>
      <c r="AT141" s="335"/>
      <c r="AU141" s="333"/>
      <c r="AV141" s="334"/>
      <c r="AW141" s="334"/>
      <c r="AX141" s="334"/>
      <c r="AY141" s="335"/>
      <c r="AZ141" s="333"/>
      <c r="BA141" s="334"/>
      <c r="BB141" s="334"/>
      <c r="BC141" s="334"/>
      <c r="BD141" s="335"/>
      <c r="BE141" s="333"/>
      <c r="BF141" s="334"/>
      <c r="BG141" s="334"/>
      <c r="BH141" s="334"/>
      <c r="BI141" s="335"/>
      <c r="BJ141" s="333"/>
      <c r="BK141" s="334"/>
      <c r="BL141" s="334"/>
      <c r="BM141" s="334"/>
      <c r="BN141" s="335"/>
      <c r="BQ141" s="146"/>
      <c r="BR141" s="146"/>
      <c r="BS141" s="146"/>
      <c r="BT141" s="146"/>
      <c r="BW141" s="146"/>
      <c r="BX141" s="146"/>
      <c r="BY141" s="146"/>
      <c r="BZ141" s="146"/>
      <c r="CC141" s="146"/>
    </row>
    <row r="142" spans="4:81" ht="20.100000000000001" customHeight="1">
      <c r="D142" s="326"/>
      <c r="E142" s="208"/>
      <c r="F142" s="208"/>
      <c r="G142" s="208"/>
      <c r="H142" s="327"/>
      <c r="I142" s="368"/>
      <c r="J142" s="369"/>
      <c r="K142" s="369"/>
      <c r="L142" s="369"/>
      <c r="M142" s="369"/>
      <c r="N142" s="369"/>
      <c r="O142" s="369"/>
      <c r="P142" s="369"/>
      <c r="Q142" s="369"/>
      <c r="R142" s="369"/>
      <c r="S142" s="369"/>
      <c r="T142" s="369"/>
      <c r="U142" s="370"/>
      <c r="V142" s="17" t="s">
        <v>360</v>
      </c>
      <c r="W142" s="246"/>
      <c r="X142" s="246"/>
      <c r="Y142" s="246"/>
      <c r="Z142" s="132" t="s">
        <v>361</v>
      </c>
      <c r="AA142" s="17" t="s">
        <v>360</v>
      </c>
      <c r="AB142" s="246"/>
      <c r="AC142" s="246"/>
      <c r="AD142" s="246"/>
      <c r="AE142" s="132" t="s">
        <v>361</v>
      </c>
      <c r="AF142" s="17" t="s">
        <v>360</v>
      </c>
      <c r="AG142" s="246"/>
      <c r="AH142" s="246"/>
      <c r="AI142" s="246"/>
      <c r="AJ142" s="132" t="s">
        <v>361</v>
      </c>
      <c r="AK142" s="17" t="s">
        <v>360</v>
      </c>
      <c r="AL142" s="246"/>
      <c r="AM142" s="246"/>
      <c r="AN142" s="246"/>
      <c r="AO142" s="132" t="s">
        <v>361</v>
      </c>
      <c r="AP142" s="17" t="s">
        <v>360</v>
      </c>
      <c r="AQ142" s="246"/>
      <c r="AR142" s="246"/>
      <c r="AS142" s="246"/>
      <c r="AT142" s="132" t="s">
        <v>361</v>
      </c>
      <c r="AU142" s="17" t="s">
        <v>360</v>
      </c>
      <c r="AV142" s="246"/>
      <c r="AW142" s="246"/>
      <c r="AX142" s="246"/>
      <c r="AY142" s="132" t="s">
        <v>361</v>
      </c>
      <c r="AZ142" s="17" t="s">
        <v>360</v>
      </c>
      <c r="BA142" s="246"/>
      <c r="BB142" s="246"/>
      <c r="BC142" s="246"/>
      <c r="BD142" s="132" t="s">
        <v>361</v>
      </c>
      <c r="BE142" s="17" t="s">
        <v>360</v>
      </c>
      <c r="BF142" s="246"/>
      <c r="BG142" s="246"/>
      <c r="BH142" s="246"/>
      <c r="BI142" s="132" t="s">
        <v>361</v>
      </c>
      <c r="BJ142" s="17" t="s">
        <v>360</v>
      </c>
      <c r="BK142" s="246"/>
      <c r="BL142" s="246"/>
      <c r="BM142" s="246"/>
      <c r="BN142" s="132" t="s">
        <v>361</v>
      </c>
      <c r="BQ142" s="146"/>
      <c r="BR142" s="146"/>
      <c r="BS142" s="146"/>
      <c r="BT142" s="146"/>
      <c r="BW142" s="146"/>
      <c r="BX142" s="146"/>
      <c r="BY142" s="146"/>
      <c r="BZ142" s="146"/>
      <c r="CC142" s="146"/>
    </row>
    <row r="143" spans="4:81" ht="20.100000000000001" customHeight="1">
      <c r="D143" s="324" t="s">
        <v>106</v>
      </c>
      <c r="E143" s="206"/>
      <c r="F143" s="206"/>
      <c r="G143" s="206"/>
      <c r="H143" s="325"/>
      <c r="I143" s="367" t="s">
        <v>109</v>
      </c>
      <c r="J143" s="337"/>
      <c r="K143" s="337"/>
      <c r="L143" s="337"/>
      <c r="M143" s="337"/>
      <c r="N143" s="337"/>
      <c r="O143" s="337"/>
      <c r="P143" s="337"/>
      <c r="Q143" s="337"/>
      <c r="R143" s="337"/>
      <c r="S143" s="337"/>
      <c r="T143" s="337"/>
      <c r="U143" s="338"/>
      <c r="V143" s="333"/>
      <c r="W143" s="334"/>
      <c r="X143" s="334"/>
      <c r="Y143" s="334"/>
      <c r="Z143" s="335"/>
      <c r="AA143" s="333"/>
      <c r="AB143" s="334"/>
      <c r="AC143" s="334"/>
      <c r="AD143" s="334"/>
      <c r="AE143" s="335"/>
      <c r="AF143" s="333"/>
      <c r="AG143" s="334"/>
      <c r="AH143" s="334"/>
      <c r="AI143" s="334"/>
      <c r="AJ143" s="335"/>
      <c r="AK143" s="333"/>
      <c r="AL143" s="334"/>
      <c r="AM143" s="334"/>
      <c r="AN143" s="334"/>
      <c r="AO143" s="335"/>
      <c r="AP143" s="333"/>
      <c r="AQ143" s="334"/>
      <c r="AR143" s="334"/>
      <c r="AS143" s="334"/>
      <c r="AT143" s="335"/>
      <c r="AU143" s="333"/>
      <c r="AV143" s="334"/>
      <c r="AW143" s="334"/>
      <c r="AX143" s="334"/>
      <c r="AY143" s="335"/>
      <c r="AZ143" s="333"/>
      <c r="BA143" s="334"/>
      <c r="BB143" s="334"/>
      <c r="BC143" s="334"/>
      <c r="BD143" s="335"/>
      <c r="BE143" s="333"/>
      <c r="BF143" s="334"/>
      <c r="BG143" s="334"/>
      <c r="BH143" s="334"/>
      <c r="BI143" s="335"/>
      <c r="BJ143" s="333"/>
      <c r="BK143" s="334"/>
      <c r="BL143" s="334"/>
      <c r="BM143" s="334"/>
      <c r="BN143" s="335"/>
      <c r="BQ143" s="146"/>
      <c r="BR143" s="146"/>
      <c r="BS143" s="146"/>
      <c r="BT143" s="146"/>
      <c r="BW143" s="146"/>
      <c r="BX143" s="146"/>
      <c r="BY143" s="146"/>
      <c r="BZ143" s="146"/>
      <c r="CC143" s="146"/>
    </row>
    <row r="144" spans="4:81" ht="20.100000000000001" customHeight="1">
      <c r="D144" s="326"/>
      <c r="E144" s="208"/>
      <c r="F144" s="208"/>
      <c r="G144" s="208"/>
      <c r="H144" s="327"/>
      <c r="I144" s="368"/>
      <c r="J144" s="369"/>
      <c r="K144" s="369"/>
      <c r="L144" s="369"/>
      <c r="M144" s="369"/>
      <c r="N144" s="369"/>
      <c r="O144" s="369"/>
      <c r="P144" s="369"/>
      <c r="Q144" s="369"/>
      <c r="R144" s="369"/>
      <c r="S144" s="369"/>
      <c r="T144" s="369"/>
      <c r="U144" s="370"/>
      <c r="V144" s="17" t="s">
        <v>360</v>
      </c>
      <c r="W144" s="246"/>
      <c r="X144" s="246"/>
      <c r="Y144" s="246"/>
      <c r="Z144" s="132" t="s">
        <v>361</v>
      </c>
      <c r="AA144" s="17" t="s">
        <v>360</v>
      </c>
      <c r="AB144" s="246"/>
      <c r="AC144" s="246"/>
      <c r="AD144" s="246"/>
      <c r="AE144" s="132" t="s">
        <v>361</v>
      </c>
      <c r="AF144" s="17" t="s">
        <v>360</v>
      </c>
      <c r="AG144" s="246"/>
      <c r="AH144" s="246"/>
      <c r="AI144" s="246"/>
      <c r="AJ144" s="132" t="s">
        <v>361</v>
      </c>
      <c r="AK144" s="17" t="s">
        <v>360</v>
      </c>
      <c r="AL144" s="246"/>
      <c r="AM144" s="246"/>
      <c r="AN144" s="246"/>
      <c r="AO144" s="132" t="s">
        <v>361</v>
      </c>
      <c r="AP144" s="17" t="s">
        <v>360</v>
      </c>
      <c r="AQ144" s="246"/>
      <c r="AR144" s="246"/>
      <c r="AS144" s="246"/>
      <c r="AT144" s="132" t="s">
        <v>361</v>
      </c>
      <c r="AU144" s="17" t="s">
        <v>360</v>
      </c>
      <c r="AV144" s="246"/>
      <c r="AW144" s="246"/>
      <c r="AX144" s="246"/>
      <c r="AY144" s="132" t="s">
        <v>361</v>
      </c>
      <c r="AZ144" s="17" t="s">
        <v>360</v>
      </c>
      <c r="BA144" s="246"/>
      <c r="BB144" s="246"/>
      <c r="BC144" s="246"/>
      <c r="BD144" s="132" t="s">
        <v>361</v>
      </c>
      <c r="BE144" s="17" t="s">
        <v>360</v>
      </c>
      <c r="BF144" s="246"/>
      <c r="BG144" s="246"/>
      <c r="BH144" s="246"/>
      <c r="BI144" s="132" t="s">
        <v>361</v>
      </c>
      <c r="BJ144" s="17" t="s">
        <v>360</v>
      </c>
      <c r="BK144" s="246"/>
      <c r="BL144" s="246"/>
      <c r="BM144" s="246"/>
      <c r="BN144" s="132" t="s">
        <v>361</v>
      </c>
      <c r="BQ144" s="146"/>
      <c r="BR144" s="146"/>
      <c r="BS144" s="146"/>
      <c r="BT144" s="146"/>
      <c r="BW144" s="146"/>
      <c r="BX144" s="146"/>
      <c r="BY144" s="146"/>
      <c r="BZ144" s="146"/>
      <c r="CC144" s="146"/>
    </row>
    <row r="145" spans="4:116" ht="20.100000000000001" customHeight="1">
      <c r="D145" s="324" t="s">
        <v>102</v>
      </c>
      <c r="E145" s="206"/>
      <c r="F145" s="206"/>
      <c r="G145" s="206"/>
      <c r="H145" s="325"/>
      <c r="I145" s="367" t="s">
        <v>110</v>
      </c>
      <c r="J145" s="337"/>
      <c r="K145" s="337"/>
      <c r="L145" s="337"/>
      <c r="M145" s="337"/>
      <c r="N145" s="337"/>
      <c r="O145" s="337"/>
      <c r="P145" s="337"/>
      <c r="Q145" s="337"/>
      <c r="R145" s="337"/>
      <c r="S145" s="337"/>
      <c r="T145" s="337"/>
      <c r="U145" s="338"/>
      <c r="V145" s="333"/>
      <c r="W145" s="334"/>
      <c r="X145" s="334"/>
      <c r="Y145" s="334"/>
      <c r="Z145" s="335"/>
      <c r="AA145" s="333"/>
      <c r="AB145" s="334"/>
      <c r="AC145" s="334"/>
      <c r="AD145" s="334"/>
      <c r="AE145" s="335"/>
      <c r="AF145" s="333"/>
      <c r="AG145" s="334"/>
      <c r="AH145" s="334"/>
      <c r="AI145" s="334"/>
      <c r="AJ145" s="335"/>
      <c r="AK145" s="333"/>
      <c r="AL145" s="334"/>
      <c r="AM145" s="334"/>
      <c r="AN145" s="334"/>
      <c r="AO145" s="335"/>
      <c r="AP145" s="333"/>
      <c r="AQ145" s="334"/>
      <c r="AR145" s="334"/>
      <c r="AS145" s="334"/>
      <c r="AT145" s="335"/>
      <c r="AU145" s="333"/>
      <c r="AV145" s="334"/>
      <c r="AW145" s="334"/>
      <c r="AX145" s="334"/>
      <c r="AY145" s="335"/>
      <c r="AZ145" s="333"/>
      <c r="BA145" s="334"/>
      <c r="BB145" s="334"/>
      <c r="BC145" s="334"/>
      <c r="BD145" s="335"/>
      <c r="BE145" s="333"/>
      <c r="BF145" s="334"/>
      <c r="BG145" s="334"/>
      <c r="BH145" s="334"/>
      <c r="BI145" s="335"/>
      <c r="BJ145" s="333"/>
      <c r="BK145" s="334"/>
      <c r="BL145" s="334"/>
      <c r="BM145" s="334"/>
      <c r="BN145" s="335"/>
      <c r="BO145" s="67"/>
      <c r="BP145" s="67"/>
      <c r="BQ145" s="67"/>
      <c r="BR145" s="67"/>
      <c r="BS145" s="67"/>
      <c r="BT145" s="67"/>
      <c r="BU145" s="67"/>
    </row>
    <row r="146" spans="4:116" ht="20.100000000000001" customHeight="1">
      <c r="D146" s="326"/>
      <c r="E146" s="208"/>
      <c r="F146" s="208"/>
      <c r="G146" s="208"/>
      <c r="H146" s="327"/>
      <c r="I146" s="368"/>
      <c r="J146" s="369"/>
      <c r="K146" s="369"/>
      <c r="L146" s="369"/>
      <c r="M146" s="369"/>
      <c r="N146" s="369"/>
      <c r="O146" s="369"/>
      <c r="P146" s="369"/>
      <c r="Q146" s="369"/>
      <c r="R146" s="369"/>
      <c r="S146" s="369"/>
      <c r="T146" s="369"/>
      <c r="U146" s="370"/>
      <c r="V146" s="17" t="s">
        <v>360</v>
      </c>
      <c r="W146" s="246"/>
      <c r="X146" s="246"/>
      <c r="Y146" s="246"/>
      <c r="Z146" s="132" t="s">
        <v>361</v>
      </c>
      <c r="AA146" s="17" t="s">
        <v>360</v>
      </c>
      <c r="AB146" s="246"/>
      <c r="AC146" s="246"/>
      <c r="AD146" s="246"/>
      <c r="AE146" s="132" t="s">
        <v>361</v>
      </c>
      <c r="AF146" s="17" t="s">
        <v>360</v>
      </c>
      <c r="AG146" s="246"/>
      <c r="AH146" s="246"/>
      <c r="AI146" s="246"/>
      <c r="AJ146" s="132" t="s">
        <v>361</v>
      </c>
      <c r="AK146" s="17" t="s">
        <v>360</v>
      </c>
      <c r="AL146" s="246"/>
      <c r="AM146" s="246"/>
      <c r="AN146" s="246"/>
      <c r="AO146" s="132" t="s">
        <v>361</v>
      </c>
      <c r="AP146" s="17" t="s">
        <v>360</v>
      </c>
      <c r="AQ146" s="246"/>
      <c r="AR146" s="246"/>
      <c r="AS146" s="246"/>
      <c r="AT146" s="132" t="s">
        <v>361</v>
      </c>
      <c r="AU146" s="17" t="s">
        <v>360</v>
      </c>
      <c r="AV146" s="246"/>
      <c r="AW146" s="246"/>
      <c r="AX146" s="246"/>
      <c r="AY146" s="132" t="s">
        <v>361</v>
      </c>
      <c r="AZ146" s="17" t="s">
        <v>360</v>
      </c>
      <c r="BA146" s="246"/>
      <c r="BB146" s="246"/>
      <c r="BC146" s="246"/>
      <c r="BD146" s="132" t="s">
        <v>361</v>
      </c>
      <c r="BE146" s="17" t="s">
        <v>360</v>
      </c>
      <c r="BF146" s="246"/>
      <c r="BG146" s="246"/>
      <c r="BH146" s="246"/>
      <c r="BI146" s="132" t="s">
        <v>361</v>
      </c>
      <c r="BJ146" s="17" t="s">
        <v>360</v>
      </c>
      <c r="BK146" s="246"/>
      <c r="BL146" s="246"/>
      <c r="BM146" s="246"/>
      <c r="BN146" s="132" t="s">
        <v>361</v>
      </c>
      <c r="BO146" s="67"/>
      <c r="BP146" s="67"/>
      <c r="BQ146" s="67"/>
      <c r="BR146" s="67"/>
      <c r="BS146" s="67"/>
      <c r="BT146" s="67"/>
      <c r="BU146" s="67"/>
    </row>
    <row r="147" spans="4:116" ht="20.100000000000001" customHeight="1">
      <c r="D147" s="324" t="s">
        <v>56</v>
      </c>
      <c r="E147" s="206"/>
      <c r="F147" s="206"/>
      <c r="G147" s="206"/>
      <c r="H147" s="206"/>
      <c r="I147" s="206"/>
      <c r="J147" s="206"/>
      <c r="K147" s="206"/>
      <c r="L147" s="206"/>
      <c r="M147" s="206"/>
      <c r="N147" s="206"/>
      <c r="O147" s="206"/>
      <c r="P147" s="206"/>
      <c r="Q147" s="206"/>
      <c r="R147" s="206"/>
      <c r="S147" s="206"/>
      <c r="T147" s="206"/>
      <c r="U147" s="325"/>
      <c r="V147" s="333"/>
      <c r="W147" s="334"/>
      <c r="X147" s="334"/>
      <c r="Y147" s="334"/>
      <c r="Z147" s="335"/>
      <c r="AA147" s="333"/>
      <c r="AB147" s="334"/>
      <c r="AC147" s="334"/>
      <c r="AD147" s="334"/>
      <c r="AE147" s="335"/>
      <c r="AF147" s="333"/>
      <c r="AG147" s="334"/>
      <c r="AH147" s="334"/>
      <c r="AI147" s="334"/>
      <c r="AJ147" s="335"/>
      <c r="AK147" s="333"/>
      <c r="AL147" s="334"/>
      <c r="AM147" s="334"/>
      <c r="AN147" s="334"/>
      <c r="AO147" s="335"/>
      <c r="AP147" s="333"/>
      <c r="AQ147" s="334"/>
      <c r="AR147" s="334"/>
      <c r="AS147" s="334"/>
      <c r="AT147" s="335"/>
      <c r="AU147" s="333"/>
      <c r="AV147" s="334"/>
      <c r="AW147" s="334"/>
      <c r="AX147" s="334"/>
      <c r="AY147" s="335"/>
      <c r="AZ147" s="333"/>
      <c r="BA147" s="334"/>
      <c r="BB147" s="334"/>
      <c r="BC147" s="334"/>
      <c r="BD147" s="335"/>
      <c r="BE147" s="333"/>
      <c r="BF147" s="334"/>
      <c r="BG147" s="334"/>
      <c r="BH147" s="334"/>
      <c r="BI147" s="335"/>
      <c r="BJ147" s="333"/>
      <c r="BK147" s="334"/>
      <c r="BL147" s="334"/>
      <c r="BM147" s="334"/>
      <c r="BN147" s="335"/>
      <c r="BO147" s="166"/>
      <c r="BP147" s="166"/>
      <c r="BQ147" s="166"/>
      <c r="BR147" s="166"/>
      <c r="BS147" s="166"/>
      <c r="BT147" s="67"/>
      <c r="BU147" s="67"/>
    </row>
    <row r="148" spans="4:116" ht="20.100000000000001" customHeight="1">
      <c r="D148" s="326"/>
      <c r="E148" s="208"/>
      <c r="F148" s="208"/>
      <c r="G148" s="208"/>
      <c r="H148" s="208"/>
      <c r="I148" s="208"/>
      <c r="J148" s="208"/>
      <c r="K148" s="208"/>
      <c r="L148" s="208"/>
      <c r="M148" s="208"/>
      <c r="N148" s="208"/>
      <c r="O148" s="208"/>
      <c r="P148" s="208"/>
      <c r="Q148" s="208"/>
      <c r="R148" s="208"/>
      <c r="S148" s="208"/>
      <c r="T148" s="208"/>
      <c r="U148" s="327"/>
      <c r="V148" s="17" t="s">
        <v>360</v>
      </c>
      <c r="W148" s="246"/>
      <c r="X148" s="246"/>
      <c r="Y148" s="246"/>
      <c r="Z148" s="132" t="s">
        <v>361</v>
      </c>
      <c r="AA148" s="17" t="s">
        <v>360</v>
      </c>
      <c r="AB148" s="246"/>
      <c r="AC148" s="246"/>
      <c r="AD148" s="246"/>
      <c r="AE148" s="132" t="s">
        <v>361</v>
      </c>
      <c r="AF148" s="17" t="s">
        <v>360</v>
      </c>
      <c r="AG148" s="246"/>
      <c r="AH148" s="246"/>
      <c r="AI148" s="246"/>
      <c r="AJ148" s="132" t="s">
        <v>361</v>
      </c>
      <c r="AK148" s="17" t="s">
        <v>360</v>
      </c>
      <c r="AL148" s="246"/>
      <c r="AM148" s="246"/>
      <c r="AN148" s="246"/>
      <c r="AO148" s="132" t="s">
        <v>361</v>
      </c>
      <c r="AP148" s="17" t="s">
        <v>360</v>
      </c>
      <c r="AQ148" s="246"/>
      <c r="AR148" s="246"/>
      <c r="AS148" s="246"/>
      <c r="AT148" s="132" t="s">
        <v>361</v>
      </c>
      <c r="AU148" s="17" t="s">
        <v>360</v>
      </c>
      <c r="AV148" s="246"/>
      <c r="AW148" s="246"/>
      <c r="AX148" s="246"/>
      <c r="AY148" s="132" t="s">
        <v>361</v>
      </c>
      <c r="AZ148" s="17" t="s">
        <v>360</v>
      </c>
      <c r="BA148" s="246"/>
      <c r="BB148" s="246"/>
      <c r="BC148" s="246"/>
      <c r="BD148" s="132" t="s">
        <v>361</v>
      </c>
      <c r="BE148" s="17" t="s">
        <v>360</v>
      </c>
      <c r="BF148" s="246"/>
      <c r="BG148" s="246"/>
      <c r="BH148" s="246"/>
      <c r="BI148" s="132" t="s">
        <v>361</v>
      </c>
      <c r="BJ148" s="17" t="s">
        <v>360</v>
      </c>
      <c r="BK148" s="246"/>
      <c r="BL148" s="246"/>
      <c r="BM148" s="246"/>
      <c r="BN148" s="132" t="s">
        <v>361</v>
      </c>
      <c r="BO148" s="166"/>
      <c r="BP148" s="166"/>
      <c r="BQ148" s="166"/>
      <c r="BR148" s="166"/>
      <c r="BS148" s="166"/>
      <c r="BT148" s="67"/>
      <c r="BU148" s="67"/>
    </row>
    <row r="149" spans="4:116" ht="31.5" customHeight="1">
      <c r="D149" s="364" t="s">
        <v>277</v>
      </c>
      <c r="E149" s="365"/>
      <c r="F149" s="365"/>
      <c r="G149" s="365"/>
      <c r="H149" s="365"/>
      <c r="I149" s="365"/>
      <c r="J149" s="365"/>
      <c r="K149" s="365"/>
      <c r="L149" s="365"/>
      <c r="M149" s="365"/>
      <c r="N149" s="365"/>
      <c r="O149" s="365"/>
      <c r="P149" s="365"/>
      <c r="Q149" s="365"/>
      <c r="R149" s="365"/>
      <c r="S149" s="365"/>
      <c r="T149" s="365"/>
      <c r="U149" s="365"/>
      <c r="V149" s="365"/>
      <c r="W149" s="365"/>
      <c r="X149" s="365"/>
      <c r="Y149" s="365"/>
      <c r="Z149" s="365"/>
      <c r="AA149" s="365"/>
      <c r="AB149" s="365"/>
      <c r="AC149" s="365"/>
      <c r="AD149" s="365"/>
      <c r="AE149" s="365"/>
      <c r="AF149" s="365"/>
      <c r="AG149" s="365"/>
      <c r="AH149" s="365"/>
      <c r="AI149" s="365"/>
      <c r="AJ149" s="365"/>
      <c r="AK149" s="365"/>
      <c r="AL149" s="365"/>
      <c r="AM149" s="365"/>
      <c r="AN149" s="365"/>
      <c r="AO149" s="365"/>
      <c r="AP149" s="365"/>
      <c r="AQ149" s="365"/>
      <c r="AR149" s="365"/>
      <c r="AS149" s="365"/>
      <c r="AT149" s="365"/>
      <c r="AU149" s="365"/>
      <c r="AV149" s="365"/>
      <c r="AW149" s="365"/>
      <c r="AX149" s="365"/>
      <c r="AY149" s="365"/>
      <c r="AZ149" s="365"/>
      <c r="BA149" s="365"/>
      <c r="BB149" s="365"/>
      <c r="BC149" s="365"/>
      <c r="BD149" s="365"/>
      <c r="BE149" s="365"/>
      <c r="BF149" s="365"/>
      <c r="BG149" s="365"/>
      <c r="BH149" s="365"/>
      <c r="BI149" s="365"/>
      <c r="BJ149" s="365"/>
      <c r="BK149" s="365"/>
      <c r="BL149" s="365"/>
      <c r="BM149" s="365"/>
      <c r="BN149" s="366"/>
      <c r="BO149" s="67"/>
    </row>
    <row r="150" spans="4:116" ht="9" customHeight="1">
      <c r="AF150" s="146"/>
      <c r="AG150" s="146"/>
      <c r="AN150" s="146"/>
      <c r="AO150" s="146"/>
      <c r="AT150" s="146"/>
      <c r="AU150" s="146"/>
      <c r="AV150" s="146"/>
      <c r="AW150" s="146"/>
      <c r="AX150" s="146"/>
      <c r="AY150" s="146"/>
      <c r="BB150" s="146"/>
      <c r="BC150" s="146"/>
      <c r="BI150" s="146"/>
      <c r="BJ150" s="146"/>
      <c r="BO150" s="146"/>
      <c r="BP150" s="146"/>
    </row>
    <row r="151" spans="4:116" ht="30" customHeight="1">
      <c r="D151" s="371" t="s">
        <v>284</v>
      </c>
      <c r="E151" s="372"/>
      <c r="F151" s="372"/>
      <c r="G151" s="373"/>
      <c r="H151" s="324" t="s">
        <v>59</v>
      </c>
      <c r="I151" s="206"/>
      <c r="J151" s="206"/>
      <c r="K151" s="206"/>
      <c r="L151" s="206"/>
      <c r="M151" s="206"/>
      <c r="N151" s="325"/>
      <c r="O151" s="284" t="s">
        <v>60</v>
      </c>
      <c r="P151" s="262"/>
      <c r="Q151" s="262"/>
      <c r="R151" s="262"/>
      <c r="S151" s="262"/>
      <c r="T151" s="262"/>
      <c r="U151" s="262"/>
      <c r="V151" s="285"/>
      <c r="W151" s="25"/>
      <c r="X151" s="262" t="s">
        <v>362</v>
      </c>
      <c r="Y151" s="262"/>
      <c r="Z151" s="262"/>
      <c r="AA151" s="262"/>
      <c r="AB151" s="262"/>
      <c r="AC151" s="262"/>
      <c r="AD151" s="262"/>
      <c r="AE151" s="262" t="s">
        <v>363</v>
      </c>
      <c r="AF151" s="262"/>
      <c r="AG151" s="262" t="s">
        <v>364</v>
      </c>
      <c r="AH151" s="262"/>
      <c r="AI151" s="262"/>
      <c r="AJ151" s="262"/>
      <c r="AK151" s="262"/>
      <c r="AL151" s="262" t="s">
        <v>363</v>
      </c>
      <c r="AM151" s="262"/>
      <c r="AN151" s="262" t="s">
        <v>333</v>
      </c>
      <c r="AO151" s="262"/>
      <c r="AP151" s="262"/>
      <c r="AQ151" s="262"/>
      <c r="AR151" s="262"/>
      <c r="AS151" s="262"/>
      <c r="AT151" s="262"/>
      <c r="AU151" s="262"/>
      <c r="AV151" s="262"/>
      <c r="AW151" s="262"/>
      <c r="AX151" s="262"/>
      <c r="AY151" s="262"/>
      <c r="AZ151" s="262"/>
      <c r="BA151" s="262"/>
      <c r="BB151" s="262"/>
      <c r="BC151" s="262"/>
      <c r="BD151" s="262"/>
      <c r="BE151" s="262"/>
      <c r="BF151" s="262"/>
      <c r="BG151" s="262"/>
      <c r="BH151" s="262" t="s">
        <v>365</v>
      </c>
      <c r="BI151" s="262"/>
      <c r="BJ151" s="26"/>
      <c r="BK151" s="26"/>
      <c r="BL151" s="26"/>
      <c r="BM151" s="26"/>
      <c r="BN151" s="27"/>
      <c r="DC151" s="67"/>
      <c r="DD151" s="67"/>
      <c r="DE151" s="67"/>
      <c r="DF151" s="67"/>
      <c r="DG151" s="67"/>
      <c r="DH151" s="67"/>
      <c r="DI151" s="67"/>
      <c r="DJ151" s="67"/>
      <c r="DK151" s="67"/>
      <c r="DL151" s="67"/>
    </row>
    <row r="152" spans="4:116" ht="36" customHeight="1">
      <c r="D152" s="374"/>
      <c r="E152" s="375"/>
      <c r="F152" s="375"/>
      <c r="G152" s="376"/>
      <c r="H152" s="380" t="s">
        <v>280</v>
      </c>
      <c r="I152" s="381"/>
      <c r="J152" s="381"/>
      <c r="K152" s="381"/>
      <c r="L152" s="381"/>
      <c r="M152" s="381"/>
      <c r="N152" s="382"/>
      <c r="O152" s="281" t="s">
        <v>61</v>
      </c>
      <c r="P152" s="282"/>
      <c r="Q152" s="282"/>
      <c r="R152" s="282"/>
      <c r="S152" s="282"/>
      <c r="T152" s="282"/>
      <c r="U152" s="282"/>
      <c r="V152" s="283"/>
      <c r="W152" s="284"/>
      <c r="X152" s="262"/>
      <c r="Y152" s="262"/>
      <c r="Z152" s="262"/>
      <c r="AA152" s="262"/>
      <c r="AB152" s="262"/>
      <c r="AC152" s="262"/>
      <c r="AD152" s="262"/>
      <c r="AE152" s="262"/>
      <c r="AF152" s="262"/>
      <c r="AG152" s="262"/>
      <c r="AH152" s="262"/>
      <c r="AI152" s="262"/>
      <c r="AJ152" s="262"/>
      <c r="AK152" s="262"/>
      <c r="AL152" s="262"/>
      <c r="AM152" s="262"/>
      <c r="AN152" s="262"/>
      <c r="AO152" s="262"/>
      <c r="AP152" s="262"/>
      <c r="AQ152" s="262"/>
      <c r="AR152" s="262"/>
      <c r="AS152" s="262"/>
      <c r="AT152" s="262"/>
      <c r="AU152" s="262"/>
      <c r="AV152" s="262"/>
      <c r="AW152" s="262"/>
      <c r="AX152" s="262"/>
      <c r="AY152" s="262"/>
      <c r="AZ152" s="262"/>
      <c r="BA152" s="262"/>
      <c r="BB152" s="262"/>
      <c r="BC152" s="262"/>
      <c r="BD152" s="262"/>
      <c r="BE152" s="262"/>
      <c r="BF152" s="262"/>
      <c r="BG152" s="262"/>
      <c r="BH152" s="262"/>
      <c r="BI152" s="262"/>
      <c r="BJ152" s="262"/>
      <c r="BK152" s="262"/>
      <c r="BL152" s="262"/>
      <c r="BM152" s="262"/>
      <c r="BN152" s="285"/>
      <c r="BO152" s="67"/>
      <c r="BP152" s="67"/>
      <c r="BQ152" s="67"/>
      <c r="BR152" s="67"/>
      <c r="BS152" s="67"/>
      <c r="BT152" s="67"/>
      <c r="BU152" s="67"/>
      <c r="BV152" s="67"/>
      <c r="BW152" s="67"/>
    </row>
    <row r="153" spans="4:116" ht="26.25" customHeight="1">
      <c r="D153" s="377"/>
      <c r="E153" s="378"/>
      <c r="F153" s="378"/>
      <c r="G153" s="379"/>
      <c r="H153" s="326" t="s">
        <v>58</v>
      </c>
      <c r="I153" s="208"/>
      <c r="J153" s="208"/>
      <c r="K153" s="208"/>
      <c r="L153" s="208"/>
      <c r="M153" s="208"/>
      <c r="N153" s="327"/>
      <c r="O153" s="284" t="s">
        <v>62</v>
      </c>
      <c r="P153" s="262"/>
      <c r="Q153" s="262"/>
      <c r="R153" s="262"/>
      <c r="S153" s="262"/>
      <c r="T153" s="262"/>
      <c r="U153" s="262"/>
      <c r="V153" s="285"/>
      <c r="W153" s="284"/>
      <c r="X153" s="262"/>
      <c r="Y153" s="262"/>
      <c r="Z153" s="262"/>
      <c r="AA153" s="262"/>
      <c r="AB153" s="262"/>
      <c r="AC153" s="262"/>
      <c r="AD153" s="262"/>
      <c r="AE153" s="262"/>
      <c r="AF153" s="262"/>
      <c r="AG153" s="262"/>
      <c r="AH153" s="262"/>
      <c r="AI153" s="262"/>
      <c r="AJ153" s="262"/>
      <c r="AK153" s="262"/>
      <c r="AL153" s="262"/>
      <c r="AM153" s="262"/>
      <c r="AN153" s="262"/>
      <c r="AO153" s="262"/>
      <c r="AP153" s="262"/>
      <c r="AQ153" s="262"/>
      <c r="AR153" s="262"/>
      <c r="AS153" s="262"/>
      <c r="AT153" s="262"/>
      <c r="AU153" s="262"/>
      <c r="AV153" s="262"/>
      <c r="AW153" s="262"/>
      <c r="AX153" s="262"/>
      <c r="AY153" s="262"/>
      <c r="AZ153" s="262"/>
      <c r="BA153" s="262"/>
      <c r="BB153" s="262"/>
      <c r="BC153" s="262"/>
      <c r="BD153" s="262"/>
      <c r="BE153" s="262"/>
      <c r="BF153" s="262"/>
      <c r="BG153" s="262"/>
      <c r="BH153" s="262"/>
      <c r="BI153" s="262"/>
      <c r="BJ153" s="262"/>
      <c r="BK153" s="262"/>
      <c r="BL153" s="262"/>
      <c r="BM153" s="262"/>
      <c r="BN153" s="285"/>
      <c r="BO153" s="67"/>
      <c r="BR153" s="67"/>
      <c r="BS153" s="67"/>
      <c r="BT153" s="67"/>
      <c r="BU153" s="67"/>
    </row>
    <row r="154" spans="4:116" ht="20.100000000000001" customHeight="1">
      <c r="D154" s="1"/>
      <c r="E154" s="206" t="s">
        <v>366</v>
      </c>
      <c r="F154" s="206"/>
      <c r="G154" s="464" t="s">
        <v>367</v>
      </c>
      <c r="H154" s="464"/>
      <c r="I154" s="464"/>
      <c r="J154" s="464"/>
      <c r="K154" s="464"/>
      <c r="L154" s="464"/>
      <c r="M154" s="464"/>
      <c r="N154" s="2"/>
      <c r="O154" s="284" t="s">
        <v>65</v>
      </c>
      <c r="P154" s="262"/>
      <c r="Q154" s="262"/>
      <c r="R154" s="262"/>
      <c r="S154" s="262"/>
      <c r="T154" s="262"/>
      <c r="U154" s="262"/>
      <c r="V154" s="285"/>
      <c r="W154" s="284"/>
      <c r="X154" s="262"/>
      <c r="Y154" s="262"/>
      <c r="Z154" s="262"/>
      <c r="AA154" s="262"/>
      <c r="AB154" s="262"/>
      <c r="AC154" s="262"/>
      <c r="AD154" s="262"/>
      <c r="AE154" s="262"/>
      <c r="AF154" s="262"/>
      <c r="AG154" s="262"/>
      <c r="AH154" s="262"/>
      <c r="AI154" s="262"/>
      <c r="AJ154" s="262"/>
      <c r="AK154" s="262"/>
      <c r="AL154" s="262"/>
      <c r="AM154" s="262"/>
      <c r="AN154" s="262"/>
      <c r="AO154" s="262"/>
      <c r="AP154" s="262"/>
      <c r="AQ154" s="262"/>
      <c r="AR154" s="262"/>
      <c r="AS154" s="262"/>
      <c r="AT154" s="262"/>
      <c r="AU154" s="262"/>
      <c r="AV154" s="262"/>
      <c r="AW154" s="262"/>
      <c r="AX154" s="262"/>
      <c r="AY154" s="262"/>
      <c r="AZ154" s="262"/>
      <c r="BA154" s="262"/>
      <c r="BB154" s="262"/>
      <c r="BC154" s="262"/>
      <c r="BD154" s="262"/>
      <c r="BE154" s="262"/>
      <c r="BF154" s="262"/>
      <c r="BG154" s="262"/>
      <c r="BH154" s="262"/>
      <c r="BI154" s="262"/>
      <c r="BJ154" s="262"/>
      <c r="BK154" s="262"/>
      <c r="BL154" s="262"/>
      <c r="BM154" s="262"/>
      <c r="BN154" s="285"/>
      <c r="BO154" s="67"/>
      <c r="BR154" s="67"/>
      <c r="BS154" s="67"/>
      <c r="BT154" s="67"/>
      <c r="BU154" s="67"/>
    </row>
    <row r="155" spans="4:116" ht="20.100000000000001" customHeight="1">
      <c r="D155" s="4"/>
      <c r="E155" s="207"/>
      <c r="F155" s="207"/>
      <c r="G155" s="463"/>
      <c r="H155" s="463"/>
      <c r="I155" s="463"/>
      <c r="J155" s="463"/>
      <c r="K155" s="463"/>
      <c r="L155" s="463"/>
      <c r="M155" s="463"/>
      <c r="N155" s="5"/>
      <c r="O155" s="326" t="s">
        <v>66</v>
      </c>
      <c r="P155" s="208"/>
      <c r="Q155" s="208"/>
      <c r="R155" s="208"/>
      <c r="S155" s="208"/>
      <c r="T155" s="208"/>
      <c r="U155" s="208"/>
      <c r="V155" s="327"/>
      <c r="W155" s="284"/>
      <c r="X155" s="262"/>
      <c r="Y155" s="262"/>
      <c r="Z155" s="262"/>
      <c r="AA155" s="262"/>
      <c r="AB155" s="262"/>
      <c r="AC155" s="262"/>
      <c r="AD155" s="262"/>
      <c r="AE155" s="262"/>
      <c r="AF155" s="262"/>
      <c r="AG155" s="262"/>
      <c r="AH155" s="262"/>
      <c r="AI155" s="262"/>
      <c r="AJ155" s="262"/>
      <c r="AK155" s="262"/>
      <c r="AL155" s="262"/>
      <c r="AM155" s="262"/>
      <c r="AN155" s="262"/>
      <c r="AO155" s="262"/>
      <c r="AP155" s="262"/>
      <c r="AQ155" s="262"/>
      <c r="AR155" s="262"/>
      <c r="AS155" s="262"/>
      <c r="AT155" s="262"/>
      <c r="AU155" s="262"/>
      <c r="AV155" s="262"/>
      <c r="AW155" s="262"/>
      <c r="AX155" s="262"/>
      <c r="AY155" s="262"/>
      <c r="AZ155" s="262"/>
      <c r="BA155" s="262"/>
      <c r="BB155" s="262"/>
      <c r="BC155" s="262"/>
      <c r="BD155" s="262"/>
      <c r="BE155" s="262"/>
      <c r="BF155" s="262"/>
      <c r="BG155" s="262"/>
      <c r="BH155" s="262"/>
      <c r="BI155" s="262"/>
      <c r="BJ155" s="262"/>
      <c r="BK155" s="262"/>
      <c r="BL155" s="262"/>
      <c r="BM155" s="262"/>
      <c r="BN155" s="285"/>
    </row>
    <row r="156" spans="4:116" ht="20.100000000000001" customHeight="1">
      <c r="D156" s="4"/>
      <c r="E156" s="207"/>
      <c r="F156" s="207"/>
      <c r="G156" s="463"/>
      <c r="H156" s="463"/>
      <c r="I156" s="463"/>
      <c r="J156" s="463"/>
      <c r="K156" s="463"/>
      <c r="L156" s="463"/>
      <c r="M156" s="463"/>
      <c r="N156" s="5"/>
      <c r="O156" s="326" t="s">
        <v>64</v>
      </c>
      <c r="P156" s="208"/>
      <c r="Q156" s="208"/>
      <c r="R156" s="208"/>
      <c r="S156" s="208"/>
      <c r="T156" s="208"/>
      <c r="U156" s="208"/>
      <c r="V156" s="327"/>
      <c r="W156" s="284"/>
      <c r="X156" s="262"/>
      <c r="Y156" s="262"/>
      <c r="Z156" s="262"/>
      <c r="AA156" s="262"/>
      <c r="AB156" s="262"/>
      <c r="AC156" s="262"/>
      <c r="AD156" s="262"/>
      <c r="AE156" s="262"/>
      <c r="AF156" s="262"/>
      <c r="AG156" s="262"/>
      <c r="AH156" s="262"/>
      <c r="AI156" s="262"/>
      <c r="AJ156" s="262"/>
      <c r="AK156" s="262"/>
      <c r="AL156" s="262"/>
      <c r="AM156" s="262"/>
      <c r="AN156" s="262"/>
      <c r="AO156" s="262"/>
      <c r="AP156" s="262"/>
      <c r="AQ156" s="262"/>
      <c r="AR156" s="262"/>
      <c r="AS156" s="262"/>
      <c r="AT156" s="262"/>
      <c r="AU156" s="262"/>
      <c r="AV156" s="262"/>
      <c r="AW156" s="262"/>
      <c r="AX156" s="262"/>
      <c r="AY156" s="262"/>
      <c r="AZ156" s="262"/>
      <c r="BA156" s="262"/>
      <c r="BB156" s="262"/>
      <c r="BC156" s="262"/>
      <c r="BD156" s="262"/>
      <c r="BE156" s="262"/>
      <c r="BF156" s="262"/>
      <c r="BG156" s="262"/>
      <c r="BH156" s="262"/>
      <c r="BI156" s="262"/>
      <c r="BJ156" s="262"/>
      <c r="BK156" s="262"/>
      <c r="BL156" s="262"/>
      <c r="BM156" s="262"/>
      <c r="BN156" s="285"/>
      <c r="BO156" s="67"/>
      <c r="BR156" s="67"/>
      <c r="BS156" s="67"/>
      <c r="BT156" s="67"/>
      <c r="BU156" s="67"/>
    </row>
    <row r="157" spans="4:116" ht="20.100000000000001" customHeight="1">
      <c r="D157" s="193"/>
      <c r="E157" s="208"/>
      <c r="F157" s="208"/>
      <c r="G157" s="488"/>
      <c r="H157" s="488"/>
      <c r="I157" s="488"/>
      <c r="J157" s="488"/>
      <c r="K157" s="488"/>
      <c r="L157" s="488"/>
      <c r="M157" s="488"/>
      <c r="N157" s="195"/>
      <c r="O157" s="326" t="s">
        <v>63</v>
      </c>
      <c r="P157" s="208"/>
      <c r="Q157" s="208"/>
      <c r="R157" s="208"/>
      <c r="S157" s="208"/>
      <c r="T157" s="208"/>
      <c r="U157" s="208"/>
      <c r="V157" s="327"/>
      <c r="W157" s="284"/>
      <c r="X157" s="262"/>
      <c r="Y157" s="262"/>
      <c r="Z157" s="262"/>
      <c r="AA157" s="262"/>
      <c r="AB157" s="262"/>
      <c r="AC157" s="262"/>
      <c r="AD157" s="262"/>
      <c r="AE157" s="262"/>
      <c r="AF157" s="262"/>
      <c r="AG157" s="262"/>
      <c r="AH157" s="262"/>
      <c r="AI157" s="262"/>
      <c r="AJ157" s="262"/>
      <c r="AK157" s="262"/>
      <c r="AL157" s="262"/>
      <c r="AM157" s="262"/>
      <c r="AN157" s="262"/>
      <c r="AO157" s="262"/>
      <c r="AP157" s="262"/>
      <c r="AQ157" s="262"/>
      <c r="AR157" s="262"/>
      <c r="AS157" s="262"/>
      <c r="AT157" s="262"/>
      <c r="AU157" s="262"/>
      <c r="AV157" s="262"/>
      <c r="AW157" s="262"/>
      <c r="AX157" s="262"/>
      <c r="AY157" s="262"/>
      <c r="AZ157" s="262"/>
      <c r="BA157" s="262"/>
      <c r="BB157" s="262"/>
      <c r="BC157" s="262"/>
      <c r="BD157" s="262"/>
      <c r="BE157" s="262"/>
      <c r="BF157" s="262"/>
      <c r="BG157" s="262"/>
      <c r="BH157" s="262"/>
      <c r="BI157" s="262"/>
      <c r="BJ157" s="262"/>
      <c r="BK157" s="262"/>
      <c r="BL157" s="262"/>
      <c r="BM157" s="262"/>
      <c r="BN157" s="285"/>
    </row>
    <row r="158" spans="4:116" ht="6" customHeight="1">
      <c r="D158" s="20"/>
      <c r="E158" s="20"/>
      <c r="W158" s="194"/>
      <c r="X158" s="194"/>
      <c r="Y158" s="194"/>
      <c r="Z158" s="194"/>
      <c r="AA158" s="194"/>
      <c r="AB158" s="194"/>
      <c r="AC158" s="194"/>
      <c r="AD158" s="194"/>
      <c r="AE158" s="194"/>
      <c r="AF158" s="194"/>
      <c r="AG158" s="194"/>
      <c r="AH158" s="194"/>
      <c r="AI158" s="194"/>
      <c r="AJ158" s="194"/>
      <c r="AK158" s="194"/>
      <c r="AL158" s="194"/>
      <c r="AM158" s="194"/>
      <c r="AN158" s="194"/>
      <c r="AO158" s="194"/>
      <c r="AP158" s="194"/>
      <c r="AQ158" s="18"/>
      <c r="AR158" s="18"/>
      <c r="AS158" s="18"/>
      <c r="AT158" s="18"/>
      <c r="AU158" s="18"/>
      <c r="AV158" s="194"/>
      <c r="AW158" s="194"/>
      <c r="AX158" s="194"/>
      <c r="AY158" s="194"/>
      <c r="AZ158" s="194"/>
      <c r="BA158" s="194"/>
      <c r="BB158" s="18"/>
      <c r="BC158" s="194"/>
      <c r="BD158" s="194"/>
      <c r="BE158" s="18"/>
      <c r="BF158" s="18"/>
      <c r="BG158" s="18"/>
      <c r="BH158" s="18"/>
      <c r="BI158" s="18"/>
      <c r="BJ158" s="194"/>
      <c r="BL158" s="67"/>
      <c r="BM158" s="67"/>
      <c r="BN158" s="67"/>
      <c r="BO158" s="67"/>
      <c r="BR158" s="67"/>
      <c r="BS158" s="67"/>
      <c r="BT158" s="67"/>
      <c r="BU158" s="67"/>
    </row>
    <row r="159" spans="4:116" ht="22.5" customHeight="1">
      <c r="D159" s="25"/>
      <c r="E159" s="262" t="s">
        <v>272</v>
      </c>
      <c r="F159" s="262"/>
      <c r="G159" s="262" t="s">
        <v>368</v>
      </c>
      <c r="H159" s="262"/>
      <c r="I159" s="262"/>
      <c r="J159" s="262"/>
      <c r="K159" s="262"/>
      <c r="L159" s="262"/>
      <c r="M159" s="262"/>
      <c r="N159" s="262"/>
      <c r="O159" s="262"/>
      <c r="P159" s="262"/>
      <c r="Q159" s="262"/>
      <c r="R159" s="262"/>
      <c r="S159" s="262"/>
      <c r="T159" s="262"/>
      <c r="U159" s="262"/>
      <c r="V159" s="262"/>
      <c r="W159" s="262"/>
      <c r="X159" s="262"/>
      <c r="Y159" s="262"/>
      <c r="Z159" s="262"/>
      <c r="AA159" s="262"/>
      <c r="AB159" s="262"/>
      <c r="AC159" s="262"/>
      <c r="AD159" s="262"/>
      <c r="AE159" s="262"/>
      <c r="AF159" s="262"/>
      <c r="AG159" s="262"/>
      <c r="AH159" s="262"/>
      <c r="AI159" s="262"/>
      <c r="AJ159" s="262"/>
      <c r="AK159" s="282" t="s">
        <v>406</v>
      </c>
      <c r="AL159" s="282"/>
      <c r="AM159" s="282"/>
      <c r="AN159" s="282"/>
      <c r="AO159" s="262"/>
      <c r="AP159" s="262"/>
      <c r="AQ159" s="262"/>
      <c r="AR159" s="262" t="s">
        <v>369</v>
      </c>
      <c r="AS159" s="262"/>
      <c r="AT159" s="262"/>
      <c r="AU159" s="262"/>
      <c r="AV159" s="262"/>
      <c r="AW159" s="262" t="s">
        <v>370</v>
      </c>
      <c r="AX159" s="262"/>
      <c r="AY159" s="262"/>
      <c r="AZ159" s="262"/>
      <c r="BA159" s="262"/>
      <c r="BB159" s="262" t="s">
        <v>371</v>
      </c>
      <c r="BC159" s="262"/>
      <c r="BD159" s="262"/>
      <c r="BE159" s="262"/>
      <c r="BF159" s="262"/>
      <c r="BG159" s="26"/>
      <c r="BH159" s="26"/>
      <c r="BK159" s="4"/>
      <c r="BM159" s="67"/>
      <c r="BN159" s="67"/>
      <c r="BO159" s="67"/>
      <c r="BP159" s="67"/>
    </row>
    <row r="160" spans="4:116" ht="20.100000000000001" customHeight="1">
      <c r="D160" s="284" t="s">
        <v>216</v>
      </c>
      <c r="E160" s="262"/>
      <c r="F160" s="262"/>
      <c r="G160" s="262"/>
      <c r="H160" s="262"/>
      <c r="I160" s="262"/>
      <c r="J160" s="262"/>
      <c r="K160" s="262"/>
      <c r="L160" s="262"/>
      <c r="M160" s="262"/>
      <c r="N160" s="285"/>
      <c r="O160" s="284" t="s">
        <v>227</v>
      </c>
      <c r="P160" s="262"/>
      <c r="Q160" s="262"/>
      <c r="R160" s="262"/>
      <c r="S160" s="262"/>
      <c r="T160" s="262"/>
      <c r="U160" s="262"/>
      <c r="V160" s="262"/>
      <c r="W160" s="262"/>
      <c r="X160" s="262"/>
      <c r="Y160" s="262"/>
      <c r="Z160" s="262"/>
      <c r="AA160" s="262"/>
      <c r="AB160" s="262"/>
      <c r="AC160" s="262"/>
      <c r="AD160" s="262"/>
      <c r="AE160" s="300" t="s">
        <v>228</v>
      </c>
      <c r="AF160" s="301"/>
      <c r="AG160" s="301"/>
      <c r="AH160" s="301"/>
      <c r="AI160" s="301"/>
      <c r="AJ160" s="301"/>
      <c r="AK160" s="301"/>
      <c r="AL160" s="301"/>
      <c r="AM160" s="301"/>
      <c r="AN160" s="301"/>
      <c r="AO160" s="301"/>
      <c r="AP160" s="301"/>
      <c r="AQ160" s="301"/>
      <c r="AR160" s="301"/>
      <c r="AS160" s="301"/>
      <c r="AT160" s="301"/>
      <c r="AU160" s="284" t="s">
        <v>229</v>
      </c>
      <c r="AV160" s="262"/>
      <c r="AW160" s="262"/>
      <c r="AX160" s="262"/>
      <c r="AY160" s="262"/>
      <c r="AZ160" s="262"/>
      <c r="BA160" s="262"/>
      <c r="BB160" s="262"/>
      <c r="BC160" s="262"/>
      <c r="BD160" s="262"/>
      <c r="BE160" s="262"/>
      <c r="BF160" s="262"/>
      <c r="BG160" s="262"/>
      <c r="BH160" s="262"/>
      <c r="BI160" s="262"/>
      <c r="BJ160" s="285"/>
      <c r="BK160" s="4"/>
    </row>
    <row r="161" spans="4:70" ht="16.5" customHeight="1">
      <c r="D161" s="305" t="s">
        <v>217</v>
      </c>
      <c r="E161" s="307"/>
      <c r="F161" s="163"/>
      <c r="G161" s="206"/>
      <c r="H161" s="206"/>
      <c r="I161" s="206"/>
      <c r="J161" s="206"/>
      <c r="K161" s="206"/>
      <c r="L161" s="145" t="s">
        <v>68</v>
      </c>
      <c r="M161" s="145"/>
      <c r="N161" s="158"/>
      <c r="O161" s="163"/>
      <c r="P161" s="145"/>
      <c r="Q161" s="145"/>
      <c r="R161" s="145"/>
      <c r="S161" s="206"/>
      <c r="T161" s="206"/>
      <c r="U161" s="206"/>
      <c r="V161" s="206"/>
      <c r="W161" s="206"/>
      <c r="X161" s="206"/>
      <c r="Y161" s="206"/>
      <c r="Z161" s="206"/>
      <c r="AA161" s="145" t="s">
        <v>68</v>
      </c>
      <c r="AB161" s="145"/>
      <c r="AC161" s="145"/>
      <c r="AD161" s="145"/>
      <c r="AE161" s="112"/>
      <c r="AF161" s="202"/>
      <c r="AG161" s="202"/>
      <c r="AH161" s="145"/>
      <c r="AI161" s="206"/>
      <c r="AJ161" s="206"/>
      <c r="AK161" s="206"/>
      <c r="AL161" s="206"/>
      <c r="AM161" s="206"/>
      <c r="AN161" s="206"/>
      <c r="AO161" s="206"/>
      <c r="AP161" s="145" t="s">
        <v>68</v>
      </c>
      <c r="AQ161" s="145"/>
      <c r="AR161" s="202"/>
      <c r="AS161" s="202"/>
      <c r="AT161" s="202"/>
      <c r="AU161" s="1"/>
      <c r="AV161" s="197"/>
      <c r="AW161" s="197"/>
      <c r="AX161" s="145"/>
      <c r="AY161" s="206"/>
      <c r="AZ161" s="206"/>
      <c r="BA161" s="206"/>
      <c r="BB161" s="206"/>
      <c r="BC161" s="206"/>
      <c r="BD161" s="206"/>
      <c r="BE161" s="206"/>
      <c r="BF161" s="145" t="s">
        <v>68</v>
      </c>
      <c r="BG161" s="145"/>
      <c r="BH161" s="197"/>
      <c r="BI161" s="197"/>
      <c r="BJ161" s="2"/>
      <c r="BK161" s="4"/>
    </row>
    <row r="162" spans="4:70" ht="16.5" customHeight="1">
      <c r="D162" s="308"/>
      <c r="E162" s="310"/>
      <c r="F162" s="263" t="s">
        <v>230</v>
      </c>
      <c r="G162" s="231"/>
      <c r="H162" s="231"/>
      <c r="I162" s="231"/>
      <c r="J162" s="231"/>
      <c r="K162" s="231"/>
      <c r="L162" s="231" t="s">
        <v>134</v>
      </c>
      <c r="M162" s="231"/>
      <c r="N162" s="264"/>
      <c r="O162" s="156"/>
      <c r="P162" s="154"/>
      <c r="Q162" s="154"/>
      <c r="R162" s="231" t="s">
        <v>69</v>
      </c>
      <c r="S162" s="231"/>
      <c r="T162" s="231"/>
      <c r="U162" s="231"/>
      <c r="V162" s="231"/>
      <c r="W162" s="231"/>
      <c r="X162" s="231"/>
      <c r="Y162" s="231"/>
      <c r="Z162" s="231"/>
      <c r="AA162" s="231" t="s">
        <v>134</v>
      </c>
      <c r="AB162" s="231"/>
      <c r="AC162" s="231"/>
      <c r="AD162" s="88"/>
      <c r="AE162" s="86"/>
      <c r="AF162" s="87"/>
      <c r="AG162" s="87"/>
      <c r="AH162" s="231" t="s">
        <v>34</v>
      </c>
      <c r="AI162" s="231"/>
      <c r="AJ162" s="231"/>
      <c r="AK162" s="231"/>
      <c r="AL162" s="231"/>
      <c r="AM162" s="231"/>
      <c r="AN162" s="231"/>
      <c r="AO162" s="231"/>
      <c r="AP162" s="231"/>
      <c r="AQ162" s="231" t="s">
        <v>134</v>
      </c>
      <c r="AR162" s="231"/>
      <c r="AS162" s="231"/>
      <c r="AT162" s="87"/>
      <c r="AU162" s="186"/>
      <c r="AV162" s="187"/>
      <c r="AW162" s="187"/>
      <c r="AX162" s="231" t="s">
        <v>234</v>
      </c>
      <c r="AY162" s="231"/>
      <c r="AZ162" s="231"/>
      <c r="BA162" s="231"/>
      <c r="BB162" s="231"/>
      <c r="BC162" s="231"/>
      <c r="BD162" s="231"/>
      <c r="BE162" s="231"/>
      <c r="BF162" s="231"/>
      <c r="BG162" s="231" t="s">
        <v>134</v>
      </c>
      <c r="BH162" s="231"/>
      <c r="BI162" s="231"/>
      <c r="BJ162" s="88"/>
      <c r="BK162" s="4"/>
    </row>
    <row r="163" spans="4:70" ht="20.100000000000001" customHeight="1">
      <c r="D163" s="308"/>
      <c r="E163" s="310"/>
      <c r="F163" s="89" t="s">
        <v>218</v>
      </c>
      <c r="G163" s="188"/>
      <c r="H163" s="188"/>
      <c r="I163" s="188"/>
      <c r="J163" s="188"/>
      <c r="K163" s="188"/>
      <c r="L163" s="188"/>
      <c r="M163" s="188"/>
      <c r="N163" s="188"/>
      <c r="O163" s="188"/>
      <c r="P163" s="188"/>
      <c r="Q163" s="188"/>
      <c r="R163" s="188"/>
      <c r="S163" s="188"/>
      <c r="T163" s="188"/>
      <c r="U163" s="188"/>
      <c r="V163" s="188"/>
      <c r="W163" s="188"/>
      <c r="X163" s="188"/>
      <c r="Y163" s="188"/>
      <c r="Z163" s="188"/>
      <c r="AA163" s="188"/>
      <c r="AB163" s="188"/>
      <c r="AC163" s="188"/>
      <c r="AD163" s="188"/>
      <c r="AE163" s="90"/>
      <c r="AF163" s="90"/>
      <c r="AG163" s="90"/>
      <c r="AH163" s="188"/>
      <c r="AI163" s="188"/>
      <c r="AJ163" s="188"/>
      <c r="AK163" s="188"/>
      <c r="AL163" s="188"/>
      <c r="AM163" s="188"/>
      <c r="AN163" s="188"/>
      <c r="AO163" s="188"/>
      <c r="AP163" s="188"/>
      <c r="AQ163" s="188"/>
      <c r="AR163" s="90"/>
      <c r="AS163" s="90"/>
      <c r="AT163" s="90"/>
      <c r="AU163" s="91"/>
      <c r="AV163" s="91"/>
      <c r="AW163" s="91"/>
      <c r="AX163" s="188"/>
      <c r="AY163" s="188"/>
      <c r="AZ163" s="188"/>
      <c r="BA163" s="188"/>
      <c r="BB163" s="188"/>
      <c r="BC163" s="188"/>
      <c r="BD163" s="188"/>
      <c r="BE163" s="188"/>
      <c r="BF163" s="188"/>
      <c r="BG163" s="188"/>
      <c r="BH163" s="91"/>
      <c r="BI163" s="91"/>
      <c r="BJ163" s="92"/>
      <c r="BK163" s="4"/>
    </row>
    <row r="164" spans="4:70" ht="20.100000000000001" customHeight="1">
      <c r="D164" s="308"/>
      <c r="E164" s="310"/>
      <c r="F164" s="302" t="s">
        <v>0</v>
      </c>
      <c r="G164" s="302"/>
      <c r="H164" s="302"/>
      <c r="I164" s="303"/>
      <c r="J164" s="329" t="s">
        <v>219</v>
      </c>
      <c r="K164" s="302"/>
      <c r="L164" s="302"/>
      <c r="M164" s="302"/>
      <c r="N164" s="302"/>
      <c r="O164" s="212" t="s">
        <v>0</v>
      </c>
      <c r="P164" s="213"/>
      <c r="Q164" s="70"/>
      <c r="R164" s="70"/>
      <c r="S164" s="214"/>
      <c r="T164" s="214"/>
      <c r="U164" s="215" t="s">
        <v>380</v>
      </c>
      <c r="V164" s="215"/>
      <c r="W164" s="216" t="s">
        <v>219</v>
      </c>
      <c r="X164" s="213"/>
      <c r="Y164" s="213"/>
      <c r="Z164" s="69"/>
      <c r="AA164" s="215"/>
      <c r="AB164" s="215"/>
      <c r="AC164" s="215" t="s">
        <v>380</v>
      </c>
      <c r="AD164" s="215"/>
      <c r="AE164" s="212" t="s">
        <v>0</v>
      </c>
      <c r="AF164" s="213"/>
      <c r="AG164" s="70"/>
      <c r="AH164" s="70"/>
      <c r="AI164" s="214"/>
      <c r="AJ164" s="214"/>
      <c r="AK164" s="214" t="s">
        <v>380</v>
      </c>
      <c r="AL164" s="238"/>
      <c r="AM164" s="213" t="s">
        <v>219</v>
      </c>
      <c r="AN164" s="213"/>
      <c r="AO164" s="213"/>
      <c r="AP164" s="70"/>
      <c r="AQ164" s="215"/>
      <c r="AR164" s="215"/>
      <c r="AS164" s="215" t="s">
        <v>380</v>
      </c>
      <c r="AT164" s="215"/>
      <c r="AU164" s="212" t="s">
        <v>0</v>
      </c>
      <c r="AV164" s="213"/>
      <c r="AW164" s="70"/>
      <c r="AX164" s="70"/>
      <c r="AY164" s="215"/>
      <c r="AZ164" s="215"/>
      <c r="BA164" s="215" t="s">
        <v>380</v>
      </c>
      <c r="BB164" s="215"/>
      <c r="BC164" s="216" t="s">
        <v>219</v>
      </c>
      <c r="BD164" s="213"/>
      <c r="BE164" s="213"/>
      <c r="BF164" s="69"/>
      <c r="BG164" s="215"/>
      <c r="BH164" s="215"/>
      <c r="BI164" s="215" t="s">
        <v>380</v>
      </c>
      <c r="BJ164" s="215"/>
      <c r="BK164" s="28"/>
      <c r="BL164" s="67"/>
      <c r="BM164" s="67"/>
      <c r="BN164" s="67"/>
      <c r="BO164" s="67"/>
      <c r="BP164" s="67"/>
    </row>
    <row r="165" spans="4:70" ht="20.100000000000001" customHeight="1">
      <c r="D165" s="308"/>
      <c r="E165" s="310"/>
      <c r="F165" s="232" t="s">
        <v>220</v>
      </c>
      <c r="G165" s="233"/>
      <c r="H165" s="233"/>
      <c r="I165" s="233"/>
      <c r="J165" s="233"/>
      <c r="K165" s="233"/>
      <c r="L165" s="233"/>
      <c r="M165" s="233"/>
      <c r="N165" s="234"/>
      <c r="O165" s="235" t="s">
        <v>221</v>
      </c>
      <c r="P165" s="236"/>
      <c r="Q165" s="236"/>
      <c r="R165" s="71"/>
      <c r="S165" s="220"/>
      <c r="T165" s="220"/>
      <c r="U165" s="215" t="s">
        <v>380</v>
      </c>
      <c r="V165" s="215"/>
      <c r="W165" s="235" t="s">
        <v>221</v>
      </c>
      <c r="X165" s="236"/>
      <c r="Y165" s="236"/>
      <c r="Z165" s="71"/>
      <c r="AA165" s="215"/>
      <c r="AB165" s="215"/>
      <c r="AC165" s="215" t="s">
        <v>380</v>
      </c>
      <c r="AD165" s="237"/>
      <c r="AE165" s="235" t="s">
        <v>237</v>
      </c>
      <c r="AF165" s="236"/>
      <c r="AG165" s="236"/>
      <c r="AH165" s="71"/>
      <c r="AI165" s="215"/>
      <c r="AJ165" s="215"/>
      <c r="AK165" s="215" t="s">
        <v>380</v>
      </c>
      <c r="AL165" s="237"/>
      <c r="AM165" s="236" t="s">
        <v>237</v>
      </c>
      <c r="AN165" s="236"/>
      <c r="AO165" s="236"/>
      <c r="AP165" s="71"/>
      <c r="AQ165" s="215"/>
      <c r="AR165" s="215"/>
      <c r="AS165" s="215" t="s">
        <v>380</v>
      </c>
      <c r="AT165" s="237"/>
      <c r="AU165" s="163"/>
      <c r="AV165" s="145"/>
      <c r="AW165" s="145"/>
      <c r="AX165" s="145"/>
      <c r="AY165" s="145"/>
      <c r="AZ165" s="145"/>
      <c r="BA165" s="145"/>
      <c r="BB165" s="72"/>
      <c r="BC165" s="145"/>
      <c r="BD165" s="145"/>
      <c r="BE165" s="145"/>
      <c r="BF165" s="145"/>
      <c r="BG165" s="145"/>
      <c r="BH165" s="145"/>
      <c r="BI165" s="145"/>
      <c r="BJ165" s="158"/>
      <c r="BK165" s="146"/>
      <c r="BL165" s="146"/>
      <c r="BM165" s="146"/>
      <c r="BN165" s="146"/>
    </row>
    <row r="166" spans="4:70" ht="20.100000000000001" customHeight="1">
      <c r="D166" s="308"/>
      <c r="E166" s="310"/>
      <c r="F166" s="73"/>
      <c r="G166" s="226" t="s">
        <v>372</v>
      </c>
      <c r="H166" s="226"/>
      <c r="I166" s="226"/>
      <c r="J166" s="226"/>
      <c r="K166" s="226"/>
      <c r="L166" s="226"/>
      <c r="M166" s="149"/>
      <c r="N166" s="74"/>
      <c r="O166" s="218" t="s">
        <v>222</v>
      </c>
      <c r="P166" s="219"/>
      <c r="Q166" s="219"/>
      <c r="R166" s="151"/>
      <c r="S166" s="220"/>
      <c r="T166" s="220"/>
      <c r="U166" s="220" t="s">
        <v>380</v>
      </c>
      <c r="V166" s="220"/>
      <c r="W166" s="218" t="s">
        <v>222</v>
      </c>
      <c r="X166" s="219"/>
      <c r="Y166" s="219"/>
      <c r="Z166" s="151"/>
      <c r="AA166" s="220"/>
      <c r="AB166" s="220"/>
      <c r="AC166" s="220" t="s">
        <v>380</v>
      </c>
      <c r="AD166" s="221"/>
      <c r="AE166" s="218" t="s">
        <v>49</v>
      </c>
      <c r="AF166" s="219"/>
      <c r="AG166" s="219"/>
      <c r="AH166" s="76"/>
      <c r="AI166" s="220"/>
      <c r="AJ166" s="220"/>
      <c r="AK166" s="220" t="s">
        <v>380</v>
      </c>
      <c r="AL166" s="221"/>
      <c r="AM166" s="219" t="s">
        <v>49</v>
      </c>
      <c r="AN166" s="219"/>
      <c r="AO166" s="219"/>
      <c r="AP166" s="76"/>
      <c r="AQ166" s="220"/>
      <c r="AR166" s="220"/>
      <c r="AS166" s="220" t="s">
        <v>380</v>
      </c>
      <c r="AT166" s="221"/>
      <c r="AU166" s="16"/>
      <c r="AV166" s="15"/>
      <c r="AW166" s="15"/>
      <c r="AX166" s="15"/>
      <c r="AY166" s="15"/>
      <c r="AZ166" s="15"/>
      <c r="BA166" s="15"/>
      <c r="BB166" s="77"/>
      <c r="BC166" s="15"/>
      <c r="BD166" s="15"/>
      <c r="BE166" s="15"/>
      <c r="BF166" s="15"/>
      <c r="BG166" s="15"/>
      <c r="BH166" s="15"/>
      <c r="BI166" s="15"/>
      <c r="BJ166" s="78"/>
      <c r="BK166" s="15"/>
      <c r="BL166" s="15"/>
      <c r="BM166" s="15"/>
      <c r="BN166" s="15"/>
      <c r="BO166" s="15"/>
      <c r="BP166" s="15"/>
    </row>
    <row r="167" spans="4:70" ht="20.100000000000001" customHeight="1">
      <c r="D167" s="308"/>
      <c r="E167" s="310"/>
      <c r="F167" s="73"/>
      <c r="G167" s="226" t="s">
        <v>373</v>
      </c>
      <c r="H167" s="226"/>
      <c r="I167" s="226"/>
      <c r="J167" s="226"/>
      <c r="K167" s="226"/>
      <c r="L167" s="226"/>
      <c r="M167" s="149"/>
      <c r="N167" s="74"/>
      <c r="O167" s="218" t="s">
        <v>238</v>
      </c>
      <c r="P167" s="219"/>
      <c r="Q167" s="219"/>
      <c r="R167" s="219"/>
      <c r="S167" s="220"/>
      <c r="T167" s="220"/>
      <c r="U167" s="220" t="s">
        <v>380</v>
      </c>
      <c r="V167" s="220"/>
      <c r="W167" s="218" t="s">
        <v>238</v>
      </c>
      <c r="X167" s="219"/>
      <c r="Y167" s="219"/>
      <c r="Z167" s="219"/>
      <c r="AA167" s="220"/>
      <c r="AB167" s="220"/>
      <c r="AC167" s="220" t="s">
        <v>380</v>
      </c>
      <c r="AD167" s="221"/>
      <c r="AE167" s="222" t="s">
        <v>48</v>
      </c>
      <c r="AF167" s="220"/>
      <c r="AG167" s="230"/>
      <c r="AH167" s="230"/>
      <c r="AI167" s="230"/>
      <c r="AJ167" s="230"/>
      <c r="AK167" s="220" t="s">
        <v>26</v>
      </c>
      <c r="AL167" s="221"/>
      <c r="AM167" s="220" t="s">
        <v>48</v>
      </c>
      <c r="AN167" s="220"/>
      <c r="AO167" s="230"/>
      <c r="AP167" s="230"/>
      <c r="AQ167" s="230"/>
      <c r="AR167" s="230"/>
      <c r="AS167" s="220" t="s">
        <v>26</v>
      </c>
      <c r="AT167" s="223"/>
      <c r="AU167" s="16"/>
      <c r="AV167" s="15"/>
      <c r="AW167" s="15"/>
      <c r="AX167" s="15"/>
      <c r="AY167" s="15"/>
      <c r="AZ167" s="15"/>
      <c r="BA167" s="15"/>
      <c r="BB167" s="77"/>
      <c r="BC167" s="15"/>
      <c r="BD167" s="15"/>
      <c r="BE167" s="15"/>
      <c r="BF167" s="15"/>
      <c r="BG167" s="15"/>
      <c r="BH167" s="15"/>
      <c r="BI167" s="15"/>
      <c r="BJ167" s="78"/>
      <c r="BK167" s="15"/>
      <c r="BL167" s="15"/>
      <c r="BM167" s="15"/>
      <c r="BN167" s="15"/>
      <c r="BO167" s="15"/>
      <c r="BP167" s="15"/>
    </row>
    <row r="168" spans="4:70" ht="20.100000000000001" customHeight="1">
      <c r="D168" s="308"/>
      <c r="E168" s="310"/>
      <c r="F168" s="227" t="s">
        <v>374</v>
      </c>
      <c r="G168" s="228"/>
      <c r="H168" s="228"/>
      <c r="I168" s="228"/>
      <c r="J168" s="228"/>
      <c r="K168" s="228"/>
      <c r="L168" s="228"/>
      <c r="M168" s="228"/>
      <c r="N168" s="229"/>
      <c r="O168" s="224" t="s">
        <v>223</v>
      </c>
      <c r="P168" s="225"/>
      <c r="Q168" s="225"/>
      <c r="R168" s="151"/>
      <c r="S168" s="151"/>
      <c r="T168" s="151"/>
      <c r="U168" s="151"/>
      <c r="V168" s="135"/>
      <c r="W168" s="224" t="s">
        <v>223</v>
      </c>
      <c r="X168" s="225"/>
      <c r="Y168" s="225"/>
      <c r="Z168" s="151"/>
      <c r="AA168" s="151"/>
      <c r="AB168" s="151"/>
      <c r="AC168" s="151"/>
      <c r="AD168" s="93"/>
      <c r="AE168" s="150"/>
      <c r="AF168" s="75"/>
      <c r="AG168" s="230"/>
      <c r="AH168" s="230"/>
      <c r="AI168" s="230"/>
      <c r="AJ168" s="230"/>
      <c r="AK168" s="151"/>
      <c r="AL168" s="153"/>
      <c r="AM168" s="151"/>
      <c r="AN168" s="75"/>
      <c r="AO168" s="230"/>
      <c r="AP168" s="230"/>
      <c r="AQ168" s="230"/>
      <c r="AR168" s="230"/>
      <c r="AS168" s="151"/>
      <c r="AT168" s="152"/>
      <c r="AU168" s="79"/>
      <c r="AV168" s="151"/>
      <c r="BB168" s="80"/>
      <c r="BH168" s="67"/>
      <c r="BI168" s="67"/>
      <c r="BJ168" s="19"/>
      <c r="BK168" s="67"/>
      <c r="BL168" s="67"/>
      <c r="BM168" s="67"/>
      <c r="BN168" s="67"/>
      <c r="BO168" s="67"/>
      <c r="BP168" s="67"/>
      <c r="BQ168" s="67"/>
      <c r="BR168" s="67"/>
    </row>
    <row r="169" spans="4:70" ht="20.100000000000001" customHeight="1">
      <c r="D169" s="308"/>
      <c r="E169" s="310"/>
      <c r="F169" s="227"/>
      <c r="G169" s="228"/>
      <c r="H169" s="228"/>
      <c r="I169" s="228"/>
      <c r="J169" s="228"/>
      <c r="K169" s="228"/>
      <c r="L169" s="228"/>
      <c r="M169" s="228"/>
      <c r="N169" s="229"/>
      <c r="O169" s="218" t="s">
        <v>226</v>
      </c>
      <c r="P169" s="219"/>
      <c r="Q169" s="219"/>
      <c r="R169" s="151"/>
      <c r="S169" s="220"/>
      <c r="T169" s="220"/>
      <c r="U169" s="220" t="s">
        <v>380</v>
      </c>
      <c r="V169" s="220"/>
      <c r="W169" s="218" t="s">
        <v>226</v>
      </c>
      <c r="X169" s="219"/>
      <c r="Y169" s="219"/>
      <c r="Z169" s="151"/>
      <c r="AA169" s="220"/>
      <c r="AB169" s="220"/>
      <c r="AC169" s="220" t="s">
        <v>380</v>
      </c>
      <c r="AD169" s="221"/>
      <c r="AE169" s="81"/>
      <c r="AF169" s="75"/>
      <c r="AG169" s="151"/>
      <c r="AH169" s="151"/>
      <c r="AI169" s="151"/>
      <c r="AJ169" s="151"/>
      <c r="AK169" s="151"/>
      <c r="AL169" s="134"/>
      <c r="AM169" s="151"/>
      <c r="AN169" s="151"/>
      <c r="AO169" s="151"/>
      <c r="AP169" s="151"/>
      <c r="AQ169" s="75"/>
      <c r="AR169" s="75"/>
      <c r="AS169" s="151"/>
      <c r="AT169" s="82"/>
      <c r="AU169" s="150"/>
      <c r="AV169" s="75"/>
      <c r="AW169" s="75"/>
      <c r="AZ169" s="15"/>
      <c r="BA169" s="15"/>
      <c r="BB169" s="80"/>
      <c r="BG169" s="15"/>
      <c r="BJ169" s="5"/>
      <c r="BK169" s="15"/>
      <c r="BL169" s="15"/>
      <c r="BR169" s="15"/>
    </row>
    <row r="170" spans="4:70" ht="20.100000000000001" customHeight="1">
      <c r="D170" s="308"/>
      <c r="E170" s="310"/>
      <c r="F170" s="73"/>
      <c r="G170" s="217" t="s">
        <v>375</v>
      </c>
      <c r="H170" s="217"/>
      <c r="I170" s="217"/>
      <c r="J170" s="217"/>
      <c r="K170" s="217"/>
      <c r="L170" s="149"/>
      <c r="M170" s="149"/>
      <c r="N170" s="74"/>
      <c r="O170" s="218" t="s">
        <v>49</v>
      </c>
      <c r="P170" s="219"/>
      <c r="Q170" s="219"/>
      <c r="R170" s="76"/>
      <c r="S170" s="220"/>
      <c r="T170" s="220"/>
      <c r="U170" s="220" t="s">
        <v>380</v>
      </c>
      <c r="V170" s="220"/>
      <c r="W170" s="218" t="s">
        <v>49</v>
      </c>
      <c r="X170" s="219"/>
      <c r="Y170" s="219"/>
      <c r="Z170" s="76"/>
      <c r="AA170" s="220"/>
      <c r="AB170" s="220"/>
      <c r="AC170" s="220" t="s">
        <v>380</v>
      </c>
      <c r="AD170" s="221"/>
      <c r="AE170" s="150"/>
      <c r="AF170" s="151"/>
      <c r="AG170" s="151"/>
      <c r="AH170" s="151"/>
      <c r="AI170" s="151"/>
      <c r="AJ170" s="151"/>
      <c r="AK170" s="151"/>
      <c r="AL170" s="82"/>
      <c r="AM170" s="151"/>
      <c r="AN170" s="151"/>
      <c r="AO170" s="151"/>
      <c r="AP170" s="151"/>
      <c r="AQ170" s="151"/>
      <c r="AR170" s="151"/>
      <c r="AS170" s="151"/>
      <c r="AT170" s="82"/>
      <c r="AU170" s="150"/>
      <c r="AV170" s="151"/>
      <c r="AW170" s="151"/>
      <c r="BB170" s="80"/>
      <c r="BJ170" s="5"/>
    </row>
    <row r="171" spans="4:70" ht="20.100000000000001" customHeight="1">
      <c r="D171" s="308"/>
      <c r="E171" s="310"/>
      <c r="F171" s="73"/>
      <c r="G171" s="209" t="s">
        <v>376</v>
      </c>
      <c r="H171" s="209"/>
      <c r="I171" s="209"/>
      <c r="J171" s="209"/>
      <c r="K171" s="209"/>
      <c r="L171" s="149"/>
      <c r="M171" s="149"/>
      <c r="N171" s="149"/>
      <c r="O171" s="222" t="s">
        <v>224</v>
      </c>
      <c r="P171" s="220"/>
      <c r="Q171" s="230"/>
      <c r="R171" s="230"/>
      <c r="S171" s="230"/>
      <c r="T171" s="230"/>
      <c r="U171" s="220" t="s">
        <v>225</v>
      </c>
      <c r="V171" s="220"/>
      <c r="W171" s="222" t="s">
        <v>48</v>
      </c>
      <c r="X171" s="220"/>
      <c r="Y171" s="230"/>
      <c r="Z171" s="230"/>
      <c r="AA171" s="230"/>
      <c r="AB171" s="230"/>
      <c r="AC171" s="220" t="s">
        <v>26</v>
      </c>
      <c r="AD171" s="221"/>
      <c r="AE171" s="150"/>
      <c r="AF171" s="151"/>
      <c r="AG171" s="151"/>
      <c r="AH171" s="151"/>
      <c r="AI171" s="151"/>
      <c r="AJ171" s="151"/>
      <c r="AK171" s="151"/>
      <c r="AL171" s="82"/>
      <c r="AM171" s="151"/>
      <c r="AN171" s="151"/>
      <c r="AO171" s="151"/>
      <c r="AP171" s="151"/>
      <c r="AQ171" s="151"/>
      <c r="AR171" s="151"/>
      <c r="AS171" s="151"/>
      <c r="AT171" s="151"/>
      <c r="AU171" s="150"/>
      <c r="AV171" s="151"/>
      <c r="AW171" s="151"/>
      <c r="BB171" s="80"/>
      <c r="BJ171" s="5"/>
    </row>
    <row r="172" spans="4:70" ht="19.5" customHeight="1">
      <c r="D172" s="308"/>
      <c r="E172" s="310"/>
      <c r="F172" s="73"/>
      <c r="G172" s="209" t="s">
        <v>377</v>
      </c>
      <c r="H172" s="209"/>
      <c r="I172" s="209"/>
      <c r="J172" s="209"/>
      <c r="K172" s="209"/>
      <c r="L172" s="149"/>
      <c r="M172" s="149"/>
      <c r="N172" s="149"/>
      <c r="O172" s="4"/>
      <c r="W172" s="4"/>
      <c r="AD172" s="5"/>
      <c r="AE172" s="4"/>
      <c r="AL172" s="5"/>
      <c r="AU172" s="4"/>
      <c r="BB172" s="80"/>
      <c r="BJ172" s="5"/>
    </row>
    <row r="173" spans="4:70" ht="19.5" customHeight="1">
      <c r="D173" s="311"/>
      <c r="E173" s="313"/>
      <c r="F173" s="83"/>
      <c r="G173" s="210" t="s">
        <v>378</v>
      </c>
      <c r="H173" s="210"/>
      <c r="I173" s="210"/>
      <c r="J173" s="148" t="s">
        <v>379</v>
      </c>
      <c r="K173" s="211"/>
      <c r="L173" s="211"/>
      <c r="M173" s="133" t="s">
        <v>381</v>
      </c>
      <c r="N173" s="133"/>
      <c r="O173" s="193"/>
      <c r="P173" s="194"/>
      <c r="Q173" s="194"/>
      <c r="R173" s="194"/>
      <c r="S173" s="194"/>
      <c r="T173" s="194"/>
      <c r="U173" s="194"/>
      <c r="V173" s="194"/>
      <c r="W173" s="193"/>
      <c r="X173" s="194"/>
      <c r="Y173" s="194"/>
      <c r="Z173" s="194"/>
      <c r="AA173" s="194"/>
      <c r="AB173" s="194"/>
      <c r="AC173" s="194"/>
      <c r="AD173" s="195"/>
      <c r="AE173" s="193"/>
      <c r="AF173" s="194"/>
      <c r="AG173" s="194"/>
      <c r="AH173" s="194"/>
      <c r="AI173" s="194"/>
      <c r="AJ173" s="194"/>
      <c r="AK173" s="194"/>
      <c r="AL173" s="195"/>
      <c r="AM173" s="194"/>
      <c r="AN173" s="194"/>
      <c r="AO173" s="194"/>
      <c r="AP173" s="194"/>
      <c r="AQ173" s="194"/>
      <c r="AR173" s="194"/>
      <c r="AS173" s="194"/>
      <c r="AT173" s="194"/>
      <c r="AU173" s="193"/>
      <c r="AV173" s="194"/>
      <c r="AW173" s="194"/>
      <c r="AX173" s="194"/>
      <c r="AY173" s="194"/>
      <c r="AZ173" s="194"/>
      <c r="BA173" s="194"/>
      <c r="BB173" s="84"/>
      <c r="BC173" s="194"/>
      <c r="BD173" s="194"/>
      <c r="BE173" s="194"/>
      <c r="BF173" s="194"/>
      <c r="BG173" s="194"/>
      <c r="BH173" s="194"/>
      <c r="BI173" s="194"/>
      <c r="BJ173" s="195"/>
    </row>
    <row r="174" spans="4:70" ht="16.5" customHeight="1">
      <c r="D174" s="292" t="s">
        <v>135</v>
      </c>
      <c r="E174" s="292"/>
      <c r="F174" s="299" t="s">
        <v>278</v>
      </c>
      <c r="G174" s="299"/>
      <c r="H174" s="299"/>
      <c r="I174" s="299"/>
      <c r="J174" s="299"/>
      <c r="K174" s="299"/>
      <c r="L174" s="299"/>
      <c r="M174" s="299"/>
      <c r="N174" s="299"/>
      <c r="O174" s="299"/>
      <c r="P174" s="299"/>
      <c r="Q174" s="299"/>
      <c r="R174" s="299"/>
      <c r="S174" s="299"/>
      <c r="T174" s="299"/>
      <c r="U174" s="299"/>
      <c r="V174" s="299"/>
      <c r="W174" s="299"/>
      <c r="X174" s="299"/>
      <c r="Y174" s="299"/>
      <c r="Z174" s="299"/>
      <c r="AA174" s="299"/>
      <c r="AB174" s="299"/>
      <c r="AC174" s="299"/>
      <c r="AD174" s="299"/>
      <c r="AE174" s="299"/>
      <c r="AF174" s="299"/>
      <c r="AG174" s="299"/>
      <c r="AH174" s="299"/>
      <c r="AI174" s="299"/>
      <c r="AJ174" s="299"/>
      <c r="AK174" s="299"/>
      <c r="AL174" s="299"/>
      <c r="AM174" s="299"/>
      <c r="AN174" s="299"/>
      <c r="AO174" s="299"/>
      <c r="AP174" s="299"/>
      <c r="AQ174" s="299"/>
      <c r="AR174" s="299"/>
      <c r="AS174" s="299"/>
      <c r="AT174" s="299"/>
      <c r="AU174" s="299"/>
      <c r="AV174" s="299"/>
      <c r="AW174" s="299"/>
      <c r="AX174" s="299"/>
      <c r="AY174" s="299"/>
      <c r="AZ174" s="299"/>
      <c r="BA174" s="299"/>
      <c r="BB174" s="299"/>
      <c r="BC174" s="299"/>
      <c r="BD174" s="299"/>
      <c r="BE174" s="299"/>
      <c r="BF174" s="299"/>
      <c r="BG174" s="299"/>
      <c r="BH174" s="299"/>
      <c r="BI174" s="299"/>
      <c r="BJ174" s="299"/>
      <c r="BK174" s="61"/>
      <c r="BL174" s="61"/>
      <c r="BM174" s="61"/>
      <c r="BN174" s="61"/>
      <c r="BO174" s="61"/>
    </row>
    <row r="175" spans="4:70" ht="16.5" customHeight="1">
      <c r="D175" s="252"/>
      <c r="E175" s="252"/>
      <c r="F175" s="299"/>
      <c r="G175" s="299"/>
      <c r="H175" s="299"/>
      <c r="I175" s="299"/>
      <c r="J175" s="299"/>
      <c r="K175" s="299"/>
      <c r="L175" s="299"/>
      <c r="M175" s="299"/>
      <c r="N175" s="299"/>
      <c r="O175" s="299"/>
      <c r="P175" s="299"/>
      <c r="Q175" s="299"/>
      <c r="R175" s="299"/>
      <c r="S175" s="299"/>
      <c r="T175" s="299"/>
      <c r="U175" s="299"/>
      <c r="V175" s="299"/>
      <c r="W175" s="299"/>
      <c r="X175" s="299"/>
      <c r="Y175" s="299"/>
      <c r="Z175" s="299"/>
      <c r="AA175" s="299"/>
      <c r="AB175" s="299"/>
      <c r="AC175" s="299"/>
      <c r="AD175" s="299"/>
      <c r="AE175" s="299"/>
      <c r="AF175" s="299"/>
      <c r="AG175" s="299"/>
      <c r="AH175" s="299"/>
      <c r="AI175" s="299"/>
      <c r="AJ175" s="299"/>
      <c r="AK175" s="299"/>
      <c r="AL175" s="299"/>
      <c r="AM175" s="299"/>
      <c r="AN175" s="299"/>
      <c r="AO175" s="299"/>
      <c r="AP175" s="299"/>
      <c r="AQ175" s="299"/>
      <c r="AR175" s="299"/>
      <c r="AS175" s="299"/>
      <c r="AT175" s="299"/>
      <c r="AU175" s="299"/>
      <c r="AV175" s="299"/>
      <c r="AW175" s="299"/>
      <c r="AX175" s="299"/>
      <c r="AY175" s="299"/>
      <c r="AZ175" s="299"/>
      <c r="BA175" s="299"/>
      <c r="BB175" s="299"/>
      <c r="BC175" s="299"/>
      <c r="BD175" s="299"/>
      <c r="BE175" s="299"/>
      <c r="BF175" s="299"/>
      <c r="BG175" s="299"/>
      <c r="BH175" s="299"/>
      <c r="BI175" s="299"/>
      <c r="BJ175" s="299"/>
      <c r="BK175" s="61"/>
      <c r="BL175" s="61"/>
      <c r="BM175" s="61"/>
      <c r="BN175" s="61"/>
      <c r="BO175" s="61"/>
    </row>
    <row r="176" spans="4:70" ht="12" customHeight="1">
      <c r="D176" s="41"/>
      <c r="F176" s="22"/>
      <c r="G176" s="22"/>
      <c r="H176" s="22"/>
      <c r="I176" s="22"/>
      <c r="J176" s="22"/>
      <c r="K176" s="22"/>
      <c r="L176" s="22"/>
      <c r="M176" s="22"/>
      <c r="N176" s="22"/>
    </row>
    <row r="177" spans="4:62" ht="22.5" customHeight="1">
      <c r="D177" s="25"/>
      <c r="E177" s="262" t="s">
        <v>248</v>
      </c>
      <c r="F177" s="262"/>
      <c r="G177" s="26"/>
      <c r="H177" s="26" t="s">
        <v>285</v>
      </c>
      <c r="I177" s="26"/>
      <c r="J177" s="26"/>
      <c r="K177" s="26"/>
      <c r="L177" s="26"/>
      <c r="M177" s="26"/>
      <c r="N177" s="26"/>
      <c r="O177" s="26"/>
      <c r="P177" s="26"/>
      <c r="Q177" s="26"/>
      <c r="R177" s="26"/>
      <c r="S177" s="26"/>
      <c r="T177" s="26"/>
      <c r="U177" s="26"/>
      <c r="V177" s="26"/>
      <c r="W177" s="26"/>
      <c r="X177" s="26"/>
      <c r="Y177" s="26"/>
      <c r="Z177" s="26"/>
      <c r="AA177" s="26"/>
      <c r="AB177" s="26"/>
      <c r="AC177" s="26"/>
      <c r="AD177" s="26"/>
      <c r="AE177" s="26"/>
      <c r="AF177" s="26"/>
      <c r="AG177" s="26"/>
      <c r="AH177" s="26"/>
      <c r="AI177" s="26"/>
      <c r="AJ177" s="26"/>
      <c r="AK177" s="26"/>
      <c r="AL177" s="26"/>
      <c r="AM177" s="26"/>
      <c r="AN177" s="26"/>
      <c r="AO177" s="26"/>
      <c r="AP177" s="26"/>
      <c r="AQ177" s="26"/>
      <c r="AR177" s="26"/>
      <c r="AS177" s="26"/>
      <c r="AT177" s="26"/>
      <c r="AU177" s="26"/>
      <c r="AV177" s="26"/>
      <c r="AW177" s="26"/>
      <c r="AX177" s="26"/>
      <c r="AY177" s="26"/>
      <c r="AZ177" s="26"/>
      <c r="BA177" s="26"/>
      <c r="BB177" s="26"/>
      <c r="BC177" s="26"/>
      <c r="BD177" s="26"/>
      <c r="BE177" s="26"/>
      <c r="BF177" s="26"/>
      <c r="BG177" s="26"/>
      <c r="BH177" s="26"/>
      <c r="BI177" s="26"/>
      <c r="BJ177" s="27"/>
    </row>
    <row r="178" spans="4:62" ht="20.100000000000001" customHeight="1">
      <c r="D178" s="107" t="s">
        <v>286</v>
      </c>
      <c r="E178" s="26"/>
      <c r="F178" s="46"/>
      <c r="G178" s="46"/>
      <c r="H178" s="46"/>
      <c r="I178" s="46"/>
      <c r="J178" s="46"/>
      <c r="K178" s="46"/>
      <c r="L178" s="46"/>
      <c r="M178" s="46"/>
      <c r="N178" s="46"/>
      <c r="O178" s="26"/>
      <c r="P178" s="26"/>
      <c r="Q178" s="26"/>
      <c r="R178" s="26"/>
      <c r="S178" s="26"/>
      <c r="T178" s="26"/>
      <c r="U178" s="26"/>
      <c r="V178" s="26"/>
      <c r="W178" s="26"/>
      <c r="X178" s="26"/>
      <c r="Y178" s="26"/>
      <c r="Z178" s="26"/>
      <c r="AA178" s="26"/>
      <c r="AB178" s="26"/>
      <c r="AC178" s="26"/>
      <c r="AD178" s="26"/>
      <c r="AE178" s="26"/>
      <c r="AF178" s="26"/>
      <c r="AG178" s="26"/>
      <c r="AH178" s="26"/>
      <c r="AI178" s="26"/>
      <c r="AJ178" s="26"/>
      <c r="AK178" s="26"/>
      <c r="AL178" s="26"/>
      <c r="AM178" s="26"/>
      <c r="AN178" s="26"/>
      <c r="AO178" s="26"/>
      <c r="AP178" s="26"/>
      <c r="AQ178" s="26"/>
      <c r="AR178" s="26"/>
      <c r="AS178" s="26"/>
      <c r="AT178" s="26"/>
      <c r="AU178" s="26"/>
      <c r="AV178" s="26"/>
      <c r="AW178" s="26"/>
      <c r="AX178" s="26"/>
      <c r="AY178" s="26"/>
      <c r="AZ178" s="26"/>
      <c r="BA178" s="26"/>
      <c r="BB178" s="26"/>
      <c r="BC178" s="26"/>
      <c r="BD178" s="26"/>
      <c r="BE178" s="26"/>
      <c r="BF178" s="26"/>
      <c r="BG178" s="26"/>
      <c r="BH178" s="26"/>
      <c r="BI178" s="26"/>
      <c r="BJ178" s="27"/>
    </row>
    <row r="179" spans="4:62" ht="33.75" customHeight="1">
      <c r="D179" s="284" t="s">
        <v>111</v>
      </c>
      <c r="E179" s="262"/>
      <c r="F179" s="262"/>
      <c r="G179" s="262"/>
      <c r="H179" s="281" t="s">
        <v>112</v>
      </c>
      <c r="I179" s="282"/>
      <c r="J179" s="282"/>
      <c r="K179" s="282"/>
      <c r="L179" s="283"/>
      <c r="M179" s="340" t="s">
        <v>114</v>
      </c>
      <c r="N179" s="341"/>
      <c r="O179" s="341"/>
      <c r="P179" s="341"/>
      <c r="Q179" s="341"/>
      <c r="R179" s="341"/>
      <c r="S179" s="341"/>
      <c r="T179" s="341"/>
      <c r="U179" s="341"/>
      <c r="V179" s="341"/>
      <c r="W179" s="341"/>
      <c r="X179" s="341"/>
      <c r="Y179" s="341"/>
      <c r="Z179" s="341"/>
      <c r="AA179" s="341"/>
      <c r="AB179" s="341"/>
      <c r="AC179" s="341"/>
      <c r="AD179" s="341"/>
      <c r="AE179" s="341"/>
      <c r="AF179" s="341"/>
      <c r="AG179" s="341"/>
      <c r="AH179" s="341"/>
      <c r="AI179" s="341"/>
      <c r="AJ179" s="341"/>
      <c r="AK179" s="341"/>
      <c r="AL179" s="341"/>
      <c r="AM179" s="341"/>
      <c r="AN179" s="341"/>
      <c r="AO179" s="341"/>
      <c r="AP179" s="341"/>
      <c r="AQ179" s="341"/>
      <c r="AR179" s="341"/>
      <c r="AS179" s="341"/>
      <c r="AT179" s="341"/>
      <c r="AU179" s="341"/>
      <c r="AV179" s="341"/>
      <c r="AW179" s="341"/>
      <c r="AX179" s="341"/>
      <c r="AY179" s="341"/>
      <c r="AZ179" s="341"/>
      <c r="BA179" s="341"/>
      <c r="BB179" s="341"/>
      <c r="BC179" s="341"/>
      <c r="BD179" s="341"/>
      <c r="BE179" s="341"/>
      <c r="BF179" s="342"/>
      <c r="BG179" s="281" t="s">
        <v>113</v>
      </c>
      <c r="BH179" s="262"/>
      <c r="BI179" s="262"/>
      <c r="BJ179" s="285"/>
    </row>
    <row r="180" spans="4:62" ht="23.25" customHeight="1">
      <c r="D180" s="333" t="s">
        <v>126</v>
      </c>
      <c r="E180" s="334"/>
      <c r="F180" s="334"/>
      <c r="G180" s="335"/>
      <c r="H180" s="333" t="s">
        <v>125</v>
      </c>
      <c r="I180" s="334"/>
      <c r="J180" s="334"/>
      <c r="K180" s="334"/>
      <c r="L180" s="335"/>
      <c r="M180" s="197"/>
      <c r="N180" s="197" t="s">
        <v>115</v>
      </c>
      <c r="O180" s="197"/>
      <c r="P180" s="197"/>
      <c r="Q180" s="197"/>
      <c r="R180" s="197"/>
      <c r="S180" s="197"/>
      <c r="T180" s="197" t="s">
        <v>116</v>
      </c>
      <c r="U180" s="197"/>
      <c r="V180" s="197"/>
      <c r="W180" s="197"/>
      <c r="X180" s="197" t="s">
        <v>117</v>
      </c>
      <c r="Y180" s="197"/>
      <c r="Z180" s="197"/>
      <c r="AA180" s="197"/>
      <c r="AB180" s="197" t="s">
        <v>118</v>
      </c>
      <c r="AC180" s="197"/>
      <c r="AD180" s="197"/>
      <c r="AE180" s="197"/>
      <c r="AF180" s="197" t="s">
        <v>119</v>
      </c>
      <c r="AG180" s="197"/>
      <c r="AH180" s="197"/>
      <c r="AI180" s="197"/>
      <c r="AJ180" s="197" t="s">
        <v>120</v>
      </c>
      <c r="AK180" s="197"/>
      <c r="AL180" s="197"/>
      <c r="AM180" s="197"/>
      <c r="AN180" s="197" t="s">
        <v>121</v>
      </c>
      <c r="AO180" s="197"/>
      <c r="AP180" s="197"/>
      <c r="AQ180" s="197"/>
      <c r="AR180" s="197" t="s">
        <v>122</v>
      </c>
      <c r="AS180" s="197"/>
      <c r="AT180" s="197"/>
      <c r="AU180" s="197"/>
      <c r="AV180" s="197" t="s">
        <v>123</v>
      </c>
      <c r="AW180" s="197"/>
      <c r="AX180" s="197"/>
      <c r="AY180" s="197"/>
      <c r="AZ180" s="197" t="s">
        <v>124</v>
      </c>
      <c r="BA180" s="197"/>
      <c r="BB180" s="197"/>
      <c r="BC180" s="197"/>
      <c r="BD180" s="197"/>
      <c r="BE180" s="197"/>
      <c r="BF180" s="197"/>
      <c r="BG180" s="344" t="s">
        <v>128</v>
      </c>
      <c r="BH180" s="292"/>
      <c r="BI180" s="292"/>
      <c r="BJ180" s="345"/>
    </row>
    <row r="181" spans="4:62" ht="9.75" customHeight="1">
      <c r="D181" s="355" t="s">
        <v>127</v>
      </c>
      <c r="E181" s="356"/>
      <c r="F181" s="356"/>
      <c r="G181" s="357"/>
      <c r="H181" s="242"/>
      <c r="I181" s="243"/>
      <c r="J181" s="243"/>
      <c r="K181" s="243"/>
      <c r="L181" s="244"/>
      <c r="M181" s="22"/>
      <c r="N181" s="99"/>
      <c r="O181" s="100"/>
      <c r="P181" s="104"/>
      <c r="Q181" s="100"/>
      <c r="R181" s="100"/>
      <c r="S181" s="100"/>
      <c r="T181" s="104"/>
      <c r="U181" s="100"/>
      <c r="V181" s="100"/>
      <c r="W181" s="100"/>
      <c r="X181" s="104"/>
      <c r="Y181" s="100"/>
      <c r="Z181" s="100"/>
      <c r="AA181" s="100"/>
      <c r="AB181" s="104"/>
      <c r="AC181" s="100"/>
      <c r="AD181" s="100"/>
      <c r="AE181" s="100"/>
      <c r="AF181" s="104"/>
      <c r="AG181" s="100"/>
      <c r="AH181" s="100"/>
      <c r="AI181" s="100"/>
      <c r="AJ181" s="104"/>
      <c r="AK181" s="100"/>
      <c r="AL181" s="100"/>
      <c r="AM181" s="100"/>
      <c r="AN181" s="104"/>
      <c r="AO181" s="103"/>
      <c r="AP181" s="100"/>
      <c r="AQ181" s="100"/>
      <c r="AR181" s="104"/>
      <c r="AS181" s="100"/>
      <c r="AT181" s="100"/>
      <c r="AU181" s="100"/>
      <c r="AV181" s="100"/>
      <c r="AW181" s="103"/>
      <c r="AX181" s="100"/>
      <c r="AY181" s="100"/>
      <c r="AZ181" s="104"/>
      <c r="BA181" s="100"/>
      <c r="BB181" s="100"/>
      <c r="BC181" s="100"/>
      <c r="BD181" s="100"/>
      <c r="BG181" s="251"/>
      <c r="BH181" s="252"/>
      <c r="BI181" s="252"/>
      <c r="BJ181" s="253"/>
    </row>
    <row r="182" spans="4:62" ht="9.75" customHeight="1">
      <c r="D182" s="355"/>
      <c r="E182" s="356"/>
      <c r="F182" s="356"/>
      <c r="G182" s="357"/>
      <c r="H182" s="242"/>
      <c r="I182" s="243"/>
      <c r="J182" s="243"/>
      <c r="K182" s="243"/>
      <c r="L182" s="244"/>
      <c r="M182" s="22"/>
      <c r="N182" s="101"/>
      <c r="O182" s="102"/>
      <c r="P182" s="106"/>
      <c r="Q182" s="102"/>
      <c r="R182" s="102"/>
      <c r="S182" s="102"/>
      <c r="T182" s="106"/>
      <c r="U182" s="102"/>
      <c r="V182" s="102"/>
      <c r="W182" s="102"/>
      <c r="X182" s="106"/>
      <c r="Y182" s="102"/>
      <c r="Z182" s="102"/>
      <c r="AA182" s="102"/>
      <c r="AB182" s="106"/>
      <c r="AC182" s="102"/>
      <c r="AD182" s="102"/>
      <c r="AE182" s="102"/>
      <c r="AF182" s="106"/>
      <c r="AG182" s="102"/>
      <c r="AH182" s="102"/>
      <c r="AI182" s="102"/>
      <c r="AJ182" s="106"/>
      <c r="AK182" s="102"/>
      <c r="AL182" s="102"/>
      <c r="AM182" s="102"/>
      <c r="AN182" s="106"/>
      <c r="AO182" s="105"/>
      <c r="AP182" s="102"/>
      <c r="AQ182" s="102"/>
      <c r="AR182" s="106"/>
      <c r="AS182" s="102"/>
      <c r="AT182" s="102"/>
      <c r="AU182" s="102"/>
      <c r="AV182" s="102"/>
      <c r="AW182" s="105"/>
      <c r="AX182" s="102"/>
      <c r="AY182" s="102"/>
      <c r="AZ182" s="106"/>
      <c r="BA182" s="102"/>
      <c r="BB182" s="102"/>
      <c r="BC182" s="102"/>
      <c r="BD182" s="102"/>
      <c r="BG182" s="251"/>
      <c r="BH182" s="252"/>
      <c r="BI182" s="252"/>
      <c r="BJ182" s="253"/>
    </row>
    <row r="183" spans="4:62" ht="12" customHeight="1">
      <c r="D183" s="355"/>
      <c r="E183" s="356"/>
      <c r="F183" s="356"/>
      <c r="G183" s="357"/>
      <c r="H183" s="242"/>
      <c r="I183" s="243"/>
      <c r="J183" s="243"/>
      <c r="K183" s="243"/>
      <c r="L183" s="244"/>
      <c r="M183" s="22"/>
      <c r="N183" s="22"/>
      <c r="BG183" s="251"/>
      <c r="BH183" s="252"/>
      <c r="BI183" s="252"/>
      <c r="BJ183" s="253"/>
    </row>
    <row r="184" spans="4:62" ht="16.5" customHeight="1">
      <c r="D184" s="346"/>
      <c r="E184" s="347"/>
      <c r="F184" s="347"/>
      <c r="G184" s="348"/>
      <c r="H184" s="239" t="s">
        <v>125</v>
      </c>
      <c r="I184" s="240"/>
      <c r="J184" s="240"/>
      <c r="K184" s="240"/>
      <c r="L184" s="241"/>
      <c r="M184" s="180"/>
      <c r="N184" s="180"/>
      <c r="O184" s="180"/>
      <c r="P184" s="180"/>
      <c r="Q184" s="180"/>
      <c r="R184" s="180"/>
      <c r="S184" s="180"/>
      <c r="T184" s="180"/>
      <c r="U184" s="180"/>
      <c r="V184" s="180"/>
      <c r="W184" s="180"/>
      <c r="X184" s="180"/>
      <c r="Y184" s="180"/>
      <c r="Z184" s="180"/>
      <c r="AA184" s="180"/>
      <c r="AB184" s="180"/>
      <c r="AC184" s="180"/>
      <c r="AD184" s="180"/>
      <c r="AE184" s="180"/>
      <c r="AF184" s="180"/>
      <c r="AG184" s="180"/>
      <c r="AH184" s="180"/>
      <c r="AI184" s="180"/>
      <c r="AJ184" s="180"/>
      <c r="AK184" s="180"/>
      <c r="AL184" s="180"/>
      <c r="AM184" s="180"/>
      <c r="AN184" s="180"/>
      <c r="AO184" s="180"/>
      <c r="AP184" s="180"/>
      <c r="AQ184" s="180"/>
      <c r="AR184" s="180"/>
      <c r="AS184" s="180"/>
      <c r="AT184" s="180"/>
      <c r="AU184" s="180"/>
      <c r="AV184" s="180"/>
      <c r="AW184" s="180"/>
      <c r="AX184" s="180"/>
      <c r="AY184" s="180"/>
      <c r="AZ184" s="180"/>
      <c r="BA184" s="180"/>
      <c r="BB184" s="180"/>
      <c r="BC184" s="180"/>
      <c r="BD184" s="180"/>
      <c r="BE184" s="180"/>
      <c r="BF184" s="180"/>
      <c r="BG184" s="248"/>
      <c r="BH184" s="249"/>
      <c r="BI184" s="249"/>
      <c r="BJ184" s="250"/>
    </row>
    <row r="185" spans="4:62" ht="9.75" customHeight="1">
      <c r="D185" s="349"/>
      <c r="E185" s="350"/>
      <c r="F185" s="350"/>
      <c r="G185" s="351"/>
      <c r="H185" s="242"/>
      <c r="I185" s="243"/>
      <c r="J185" s="243"/>
      <c r="K185" s="243"/>
      <c r="L185" s="244"/>
      <c r="M185" s="22"/>
      <c r="N185" s="99"/>
      <c r="O185" s="100"/>
      <c r="P185" s="104"/>
      <c r="Q185" s="100"/>
      <c r="R185" s="100"/>
      <c r="S185" s="100"/>
      <c r="T185" s="104"/>
      <c r="U185" s="100"/>
      <c r="V185" s="100"/>
      <c r="W185" s="100"/>
      <c r="X185" s="104"/>
      <c r="Y185" s="100"/>
      <c r="Z185" s="100"/>
      <c r="AA185" s="100"/>
      <c r="AB185" s="104"/>
      <c r="AC185" s="100"/>
      <c r="AD185" s="100"/>
      <c r="AE185" s="100"/>
      <c r="AF185" s="104"/>
      <c r="AG185" s="100"/>
      <c r="AH185" s="100"/>
      <c r="AI185" s="100"/>
      <c r="AJ185" s="104"/>
      <c r="AK185" s="100"/>
      <c r="AL185" s="100"/>
      <c r="AM185" s="100"/>
      <c r="AN185" s="104"/>
      <c r="AO185" s="103"/>
      <c r="AP185" s="100"/>
      <c r="AQ185" s="100"/>
      <c r="AR185" s="104"/>
      <c r="AS185" s="100"/>
      <c r="AT185" s="100"/>
      <c r="AU185" s="100"/>
      <c r="AV185" s="100"/>
      <c r="AW185" s="103"/>
      <c r="AX185" s="100"/>
      <c r="AY185" s="100"/>
      <c r="AZ185" s="104"/>
      <c r="BA185" s="100"/>
      <c r="BB185" s="100"/>
      <c r="BC185" s="100"/>
      <c r="BD185" s="100"/>
      <c r="BG185" s="251"/>
      <c r="BH185" s="252"/>
      <c r="BI185" s="252"/>
      <c r="BJ185" s="253"/>
    </row>
    <row r="186" spans="4:62" ht="9.75" customHeight="1">
      <c r="D186" s="349"/>
      <c r="E186" s="350"/>
      <c r="F186" s="350"/>
      <c r="G186" s="351"/>
      <c r="H186" s="242"/>
      <c r="I186" s="243"/>
      <c r="J186" s="243"/>
      <c r="K186" s="243"/>
      <c r="L186" s="244"/>
      <c r="M186" s="22"/>
      <c r="N186" s="101"/>
      <c r="O186" s="102"/>
      <c r="P186" s="106"/>
      <c r="Q186" s="102"/>
      <c r="R186" s="102"/>
      <c r="S186" s="102"/>
      <c r="T186" s="106"/>
      <c r="U186" s="102"/>
      <c r="V186" s="102"/>
      <c r="W186" s="102"/>
      <c r="X186" s="106"/>
      <c r="Y186" s="102"/>
      <c r="Z186" s="102"/>
      <c r="AA186" s="102"/>
      <c r="AB186" s="106"/>
      <c r="AC186" s="102"/>
      <c r="AD186" s="102"/>
      <c r="AE186" s="102"/>
      <c r="AF186" s="106"/>
      <c r="AG186" s="102"/>
      <c r="AH186" s="102"/>
      <c r="AI186" s="102"/>
      <c r="AJ186" s="106"/>
      <c r="AK186" s="102"/>
      <c r="AL186" s="102"/>
      <c r="AM186" s="102"/>
      <c r="AN186" s="106"/>
      <c r="AO186" s="105"/>
      <c r="AP186" s="102"/>
      <c r="AQ186" s="102"/>
      <c r="AR186" s="106"/>
      <c r="AS186" s="102"/>
      <c r="AT186" s="102"/>
      <c r="AU186" s="102"/>
      <c r="AV186" s="102"/>
      <c r="AW186" s="105"/>
      <c r="AX186" s="102"/>
      <c r="AY186" s="102"/>
      <c r="AZ186" s="106"/>
      <c r="BA186" s="102"/>
      <c r="BB186" s="102"/>
      <c r="BC186" s="102"/>
      <c r="BD186" s="102"/>
      <c r="BG186" s="251"/>
      <c r="BH186" s="252"/>
      <c r="BI186" s="252"/>
      <c r="BJ186" s="253"/>
    </row>
    <row r="187" spans="4:62" ht="12" customHeight="1">
      <c r="D187" s="349"/>
      <c r="E187" s="350"/>
      <c r="F187" s="350"/>
      <c r="G187" s="351"/>
      <c r="H187" s="242"/>
      <c r="I187" s="243"/>
      <c r="J187" s="243"/>
      <c r="K187" s="243"/>
      <c r="L187" s="244"/>
      <c r="M187" s="22"/>
      <c r="N187" s="22"/>
      <c r="BG187" s="251"/>
      <c r="BH187" s="252"/>
      <c r="BI187" s="252"/>
      <c r="BJ187" s="253"/>
    </row>
    <row r="188" spans="4:62" ht="16.5" customHeight="1">
      <c r="D188" s="346"/>
      <c r="E188" s="347"/>
      <c r="F188" s="347"/>
      <c r="G188" s="348"/>
      <c r="H188" s="239" t="s">
        <v>125</v>
      </c>
      <c r="I188" s="240"/>
      <c r="J188" s="240"/>
      <c r="K188" s="240"/>
      <c r="L188" s="241"/>
      <c r="M188" s="180"/>
      <c r="N188" s="180"/>
      <c r="O188" s="180"/>
      <c r="P188" s="180"/>
      <c r="Q188" s="180"/>
      <c r="R188" s="180"/>
      <c r="S188" s="180"/>
      <c r="T188" s="180"/>
      <c r="U188" s="180"/>
      <c r="V188" s="180"/>
      <c r="W188" s="180"/>
      <c r="X188" s="180"/>
      <c r="Y188" s="180"/>
      <c r="Z188" s="180"/>
      <c r="AA188" s="180"/>
      <c r="AB188" s="180"/>
      <c r="AC188" s="180"/>
      <c r="AD188" s="180"/>
      <c r="AE188" s="180"/>
      <c r="AF188" s="180"/>
      <c r="AG188" s="180"/>
      <c r="AH188" s="180"/>
      <c r="AI188" s="180"/>
      <c r="AJ188" s="180"/>
      <c r="AK188" s="180"/>
      <c r="AL188" s="180"/>
      <c r="AM188" s="180"/>
      <c r="AN188" s="180"/>
      <c r="AO188" s="180"/>
      <c r="AP188" s="180"/>
      <c r="AQ188" s="180"/>
      <c r="AR188" s="180"/>
      <c r="AS188" s="180"/>
      <c r="AT188" s="180"/>
      <c r="AU188" s="180"/>
      <c r="AV188" s="180"/>
      <c r="AW188" s="180"/>
      <c r="AX188" s="180"/>
      <c r="AY188" s="180"/>
      <c r="AZ188" s="180"/>
      <c r="BA188" s="180"/>
      <c r="BB188" s="180"/>
      <c r="BC188" s="180"/>
      <c r="BD188" s="180"/>
      <c r="BE188" s="180"/>
      <c r="BF188" s="180"/>
      <c r="BG188" s="248"/>
      <c r="BH188" s="249"/>
      <c r="BI188" s="249"/>
      <c r="BJ188" s="250"/>
    </row>
    <row r="189" spans="4:62" ht="9.75" customHeight="1">
      <c r="D189" s="349"/>
      <c r="E189" s="350"/>
      <c r="F189" s="350"/>
      <c r="G189" s="351"/>
      <c r="H189" s="242"/>
      <c r="I189" s="243"/>
      <c r="J189" s="243"/>
      <c r="K189" s="243"/>
      <c r="L189" s="244"/>
      <c r="M189" s="22"/>
      <c r="N189" s="99"/>
      <c r="O189" s="100"/>
      <c r="P189" s="104"/>
      <c r="Q189" s="100"/>
      <c r="R189" s="100"/>
      <c r="S189" s="100"/>
      <c r="T189" s="104"/>
      <c r="U189" s="100"/>
      <c r="V189" s="100"/>
      <c r="W189" s="100"/>
      <c r="X189" s="104"/>
      <c r="Y189" s="100"/>
      <c r="Z189" s="100"/>
      <c r="AA189" s="100"/>
      <c r="AB189" s="104"/>
      <c r="AC189" s="100"/>
      <c r="AD189" s="100"/>
      <c r="AE189" s="100"/>
      <c r="AF189" s="104"/>
      <c r="AG189" s="100"/>
      <c r="AH189" s="100"/>
      <c r="AI189" s="100"/>
      <c r="AJ189" s="104"/>
      <c r="AK189" s="100"/>
      <c r="AL189" s="100"/>
      <c r="AM189" s="100"/>
      <c r="AN189" s="104"/>
      <c r="AO189" s="103"/>
      <c r="AP189" s="100"/>
      <c r="AQ189" s="100"/>
      <c r="AR189" s="104"/>
      <c r="AS189" s="100"/>
      <c r="AT189" s="100"/>
      <c r="AU189" s="100"/>
      <c r="AV189" s="100"/>
      <c r="AW189" s="103"/>
      <c r="AX189" s="100"/>
      <c r="AY189" s="100"/>
      <c r="AZ189" s="104"/>
      <c r="BA189" s="100"/>
      <c r="BB189" s="100"/>
      <c r="BC189" s="100"/>
      <c r="BD189" s="100"/>
      <c r="BG189" s="251"/>
      <c r="BH189" s="252"/>
      <c r="BI189" s="252"/>
      <c r="BJ189" s="253"/>
    </row>
    <row r="190" spans="4:62" ht="9.75" customHeight="1">
      <c r="D190" s="349"/>
      <c r="E190" s="350"/>
      <c r="F190" s="350"/>
      <c r="G190" s="351"/>
      <c r="H190" s="242"/>
      <c r="I190" s="243"/>
      <c r="J190" s="243"/>
      <c r="K190" s="243"/>
      <c r="L190" s="244"/>
      <c r="M190" s="22"/>
      <c r="N190" s="101"/>
      <c r="O190" s="102"/>
      <c r="P190" s="106"/>
      <c r="Q190" s="102"/>
      <c r="R190" s="102"/>
      <c r="S190" s="102"/>
      <c r="T190" s="106"/>
      <c r="U190" s="102"/>
      <c r="V190" s="102"/>
      <c r="W190" s="102"/>
      <c r="X190" s="106"/>
      <c r="Y190" s="102"/>
      <c r="Z190" s="102"/>
      <c r="AA190" s="102"/>
      <c r="AB190" s="106"/>
      <c r="AC190" s="102"/>
      <c r="AD190" s="102"/>
      <c r="AE190" s="102"/>
      <c r="AF190" s="106"/>
      <c r="AG190" s="102"/>
      <c r="AH190" s="102"/>
      <c r="AI190" s="102"/>
      <c r="AJ190" s="106"/>
      <c r="AK190" s="102"/>
      <c r="AL190" s="102"/>
      <c r="AM190" s="102"/>
      <c r="AN190" s="106"/>
      <c r="AO190" s="105"/>
      <c r="AP190" s="102"/>
      <c r="AQ190" s="102"/>
      <c r="AR190" s="106"/>
      <c r="AS190" s="102"/>
      <c r="AT190" s="102"/>
      <c r="AU190" s="102"/>
      <c r="AV190" s="102"/>
      <c r="AW190" s="105"/>
      <c r="AX190" s="102"/>
      <c r="AY190" s="102"/>
      <c r="AZ190" s="106"/>
      <c r="BA190" s="102"/>
      <c r="BB190" s="102"/>
      <c r="BC190" s="102"/>
      <c r="BD190" s="102"/>
      <c r="BG190" s="251"/>
      <c r="BH190" s="252"/>
      <c r="BI190" s="252"/>
      <c r="BJ190" s="253"/>
    </row>
    <row r="191" spans="4:62" ht="12" customHeight="1">
      <c r="D191" s="352"/>
      <c r="E191" s="353"/>
      <c r="F191" s="353"/>
      <c r="G191" s="354"/>
      <c r="H191" s="259"/>
      <c r="I191" s="260"/>
      <c r="J191" s="260"/>
      <c r="K191" s="260"/>
      <c r="L191" s="261"/>
      <c r="M191" s="47"/>
      <c r="N191" s="47"/>
      <c r="O191" s="179"/>
      <c r="P191" s="179"/>
      <c r="Q191" s="179"/>
      <c r="R191" s="179"/>
      <c r="S191" s="179"/>
      <c r="T191" s="179"/>
      <c r="U191" s="179"/>
      <c r="V191" s="179"/>
      <c r="W191" s="179"/>
      <c r="X191" s="179"/>
      <c r="Y191" s="179"/>
      <c r="Z191" s="179"/>
      <c r="AA191" s="179"/>
      <c r="AB191" s="179"/>
      <c r="AC191" s="179"/>
      <c r="AD191" s="179"/>
      <c r="AE191" s="179"/>
      <c r="AF191" s="179"/>
      <c r="AG191" s="179"/>
      <c r="AH191" s="179"/>
      <c r="AI191" s="179"/>
      <c r="AJ191" s="179"/>
      <c r="AK191" s="179"/>
      <c r="AL191" s="179"/>
      <c r="AM191" s="179"/>
      <c r="AN191" s="179"/>
      <c r="AO191" s="179"/>
      <c r="AP191" s="179"/>
      <c r="AQ191" s="179"/>
      <c r="AR191" s="179"/>
      <c r="AS191" s="179"/>
      <c r="AT191" s="179"/>
      <c r="AU191" s="179"/>
      <c r="AV191" s="179"/>
      <c r="AW191" s="179"/>
      <c r="AX191" s="179"/>
      <c r="AY191" s="179"/>
      <c r="AZ191" s="179"/>
      <c r="BA191" s="179"/>
      <c r="BB191" s="179"/>
      <c r="BC191" s="179"/>
      <c r="BD191" s="179"/>
      <c r="BE191" s="179"/>
      <c r="BF191" s="179"/>
      <c r="BG191" s="254"/>
      <c r="BH191" s="255"/>
      <c r="BI191" s="255"/>
      <c r="BJ191" s="256"/>
    </row>
    <row r="192" spans="4:62" ht="23.25" customHeight="1">
      <c r="D192" s="349"/>
      <c r="E192" s="350"/>
      <c r="F192" s="350"/>
      <c r="G192" s="351"/>
      <c r="H192" s="242" t="s">
        <v>125</v>
      </c>
      <c r="I192" s="243"/>
      <c r="J192" s="243"/>
      <c r="K192" s="243"/>
      <c r="L192" s="244"/>
      <c r="M192" s="180"/>
      <c r="N192" s="180"/>
      <c r="O192" s="180"/>
      <c r="P192" s="180"/>
      <c r="Q192" s="180"/>
      <c r="R192" s="180"/>
      <c r="S192" s="180"/>
      <c r="T192" s="180"/>
      <c r="U192" s="180"/>
      <c r="V192" s="180"/>
      <c r="W192" s="180"/>
      <c r="X192" s="180"/>
      <c r="Y192" s="180"/>
      <c r="Z192" s="180"/>
      <c r="AA192" s="180"/>
      <c r="AB192" s="180"/>
      <c r="AC192" s="180"/>
      <c r="AD192" s="180"/>
      <c r="AE192" s="180"/>
      <c r="AF192" s="180"/>
      <c r="AG192" s="180"/>
      <c r="AH192" s="180"/>
      <c r="AI192" s="180"/>
      <c r="AJ192" s="180"/>
      <c r="AK192" s="180"/>
      <c r="AL192" s="180"/>
      <c r="AM192" s="180"/>
      <c r="AN192" s="180"/>
      <c r="AO192" s="180"/>
      <c r="AP192" s="180"/>
      <c r="AQ192" s="180"/>
      <c r="AR192" s="180"/>
      <c r="AS192" s="180"/>
      <c r="AT192" s="180"/>
      <c r="AU192" s="180"/>
      <c r="AV192" s="180"/>
      <c r="AW192" s="180"/>
      <c r="AX192" s="180"/>
      <c r="AY192" s="180"/>
      <c r="AZ192" s="180"/>
      <c r="BA192" s="180"/>
      <c r="BB192" s="180"/>
      <c r="BC192" s="180"/>
      <c r="BD192" s="180"/>
      <c r="BE192" s="180"/>
      <c r="BF192" s="180"/>
      <c r="BG192" s="251"/>
      <c r="BH192" s="252"/>
      <c r="BI192" s="252"/>
      <c r="BJ192" s="253"/>
    </row>
    <row r="193" spans="4:62" ht="9.75" customHeight="1">
      <c r="D193" s="349"/>
      <c r="E193" s="350"/>
      <c r="F193" s="350"/>
      <c r="G193" s="351"/>
      <c r="H193" s="242"/>
      <c r="I193" s="243"/>
      <c r="J193" s="243"/>
      <c r="K193" s="243"/>
      <c r="L193" s="244"/>
      <c r="M193" s="22"/>
      <c r="N193" s="99"/>
      <c r="O193" s="100"/>
      <c r="P193" s="104"/>
      <c r="Q193" s="100"/>
      <c r="R193" s="100"/>
      <c r="S193" s="100"/>
      <c r="T193" s="104"/>
      <c r="U193" s="100"/>
      <c r="V193" s="100"/>
      <c r="W193" s="100"/>
      <c r="X193" s="104"/>
      <c r="Y193" s="100"/>
      <c r="Z193" s="100"/>
      <c r="AA193" s="100"/>
      <c r="AB193" s="104"/>
      <c r="AC193" s="100"/>
      <c r="AD193" s="100"/>
      <c r="AE193" s="100"/>
      <c r="AF193" s="104"/>
      <c r="AG193" s="100"/>
      <c r="AH193" s="100"/>
      <c r="AI193" s="100"/>
      <c r="AJ193" s="104"/>
      <c r="AK193" s="100"/>
      <c r="AL193" s="100"/>
      <c r="AM193" s="100"/>
      <c r="AN193" s="104"/>
      <c r="AO193" s="103"/>
      <c r="AP193" s="100"/>
      <c r="AQ193" s="100"/>
      <c r="AR193" s="104"/>
      <c r="AS193" s="100"/>
      <c r="AT193" s="100"/>
      <c r="AU193" s="100"/>
      <c r="AV193" s="100"/>
      <c r="AW193" s="103"/>
      <c r="AX193" s="100"/>
      <c r="AY193" s="100"/>
      <c r="AZ193" s="104"/>
      <c r="BA193" s="100"/>
      <c r="BB193" s="100"/>
      <c r="BC193" s="100"/>
      <c r="BD193" s="100"/>
      <c r="BG193" s="251"/>
      <c r="BH193" s="252"/>
      <c r="BI193" s="252"/>
      <c r="BJ193" s="253"/>
    </row>
    <row r="194" spans="4:62" ht="9.75" customHeight="1">
      <c r="D194" s="349"/>
      <c r="E194" s="350"/>
      <c r="F194" s="350"/>
      <c r="G194" s="351"/>
      <c r="H194" s="242"/>
      <c r="I194" s="243"/>
      <c r="J194" s="243"/>
      <c r="K194" s="243"/>
      <c r="L194" s="244"/>
      <c r="M194" s="22"/>
      <c r="N194" s="101"/>
      <c r="O194" s="102"/>
      <c r="P194" s="106"/>
      <c r="Q194" s="102"/>
      <c r="R194" s="102"/>
      <c r="S194" s="102"/>
      <c r="T194" s="106"/>
      <c r="U194" s="102"/>
      <c r="V194" s="102"/>
      <c r="W194" s="102"/>
      <c r="X194" s="106"/>
      <c r="Y194" s="102"/>
      <c r="Z194" s="102"/>
      <c r="AA194" s="102"/>
      <c r="AB194" s="106"/>
      <c r="AC194" s="102"/>
      <c r="AD194" s="102"/>
      <c r="AE194" s="102"/>
      <c r="AF194" s="106"/>
      <c r="AG194" s="102"/>
      <c r="AH194" s="102"/>
      <c r="AI194" s="102"/>
      <c r="AJ194" s="106"/>
      <c r="AK194" s="102"/>
      <c r="AL194" s="102"/>
      <c r="AM194" s="102"/>
      <c r="AN194" s="106"/>
      <c r="AO194" s="105"/>
      <c r="AP194" s="102"/>
      <c r="AQ194" s="102"/>
      <c r="AR194" s="106"/>
      <c r="AS194" s="102"/>
      <c r="AT194" s="102"/>
      <c r="AU194" s="102"/>
      <c r="AV194" s="102"/>
      <c r="AW194" s="105"/>
      <c r="AX194" s="102"/>
      <c r="AY194" s="102"/>
      <c r="AZ194" s="106"/>
      <c r="BA194" s="102"/>
      <c r="BB194" s="102"/>
      <c r="BC194" s="102"/>
      <c r="BD194" s="102"/>
      <c r="BG194" s="251"/>
      <c r="BH194" s="252"/>
      <c r="BI194" s="252"/>
      <c r="BJ194" s="253"/>
    </row>
    <row r="195" spans="4:62" ht="12" customHeight="1">
      <c r="D195" s="352"/>
      <c r="E195" s="353"/>
      <c r="F195" s="353"/>
      <c r="G195" s="354"/>
      <c r="H195" s="259"/>
      <c r="I195" s="260"/>
      <c r="J195" s="260"/>
      <c r="K195" s="260"/>
      <c r="L195" s="261"/>
      <c r="M195" s="47"/>
      <c r="N195" s="47"/>
      <c r="O195" s="179"/>
      <c r="P195" s="179"/>
      <c r="Q195" s="179"/>
      <c r="R195" s="179"/>
      <c r="S195" s="179"/>
      <c r="T195" s="179"/>
      <c r="U195" s="179"/>
      <c r="V195" s="179"/>
      <c r="W195" s="179"/>
      <c r="X195" s="179"/>
      <c r="Y195" s="179"/>
      <c r="Z195" s="179"/>
      <c r="AA195" s="179"/>
      <c r="AB195" s="179"/>
      <c r="AC195" s="179"/>
      <c r="AD195" s="179"/>
      <c r="AE195" s="179"/>
      <c r="AF195" s="179"/>
      <c r="AG195" s="179"/>
      <c r="AH195" s="179"/>
      <c r="AI195" s="179"/>
      <c r="AJ195" s="179"/>
      <c r="AK195" s="179"/>
      <c r="AL195" s="179"/>
      <c r="AM195" s="179"/>
      <c r="AN195" s="179"/>
      <c r="AO195" s="179"/>
      <c r="AP195" s="179"/>
      <c r="AQ195" s="179"/>
      <c r="AR195" s="179"/>
      <c r="AS195" s="179"/>
      <c r="AT195" s="179"/>
      <c r="AU195" s="179"/>
      <c r="AV195" s="179"/>
      <c r="AW195" s="179"/>
      <c r="AX195" s="179"/>
      <c r="AY195" s="179"/>
      <c r="AZ195" s="179"/>
      <c r="BA195" s="179"/>
      <c r="BB195" s="179"/>
      <c r="BC195" s="179"/>
      <c r="BD195" s="179"/>
      <c r="BE195" s="179"/>
      <c r="BF195" s="179"/>
      <c r="BG195" s="254"/>
      <c r="BH195" s="255"/>
      <c r="BI195" s="255"/>
      <c r="BJ195" s="256"/>
    </row>
    <row r="196" spans="4:62" ht="16.5" customHeight="1">
      <c r="D196" s="346"/>
      <c r="E196" s="347"/>
      <c r="F196" s="347"/>
      <c r="G196" s="348"/>
      <c r="H196" s="239" t="s">
        <v>125</v>
      </c>
      <c r="I196" s="240"/>
      <c r="J196" s="240"/>
      <c r="K196" s="240"/>
      <c r="L196" s="241"/>
      <c r="M196" s="180"/>
      <c r="N196" s="180"/>
      <c r="O196" s="180"/>
      <c r="P196" s="180"/>
      <c r="Q196" s="180"/>
      <c r="R196" s="180"/>
      <c r="S196" s="180"/>
      <c r="T196" s="180"/>
      <c r="U196" s="180"/>
      <c r="V196" s="180"/>
      <c r="W196" s="180"/>
      <c r="X196" s="180"/>
      <c r="Y196" s="180"/>
      <c r="Z196" s="180"/>
      <c r="AA196" s="180"/>
      <c r="AB196" s="180"/>
      <c r="AC196" s="180"/>
      <c r="AD196" s="180"/>
      <c r="AE196" s="180"/>
      <c r="AF196" s="180"/>
      <c r="AG196" s="180"/>
      <c r="AH196" s="180"/>
      <c r="AI196" s="180"/>
      <c r="AJ196" s="180"/>
      <c r="AK196" s="180"/>
      <c r="AL196" s="180"/>
      <c r="AM196" s="180"/>
      <c r="AN196" s="180"/>
      <c r="AO196" s="180"/>
      <c r="AP196" s="180"/>
      <c r="AQ196" s="180"/>
      <c r="AR196" s="180"/>
      <c r="AS196" s="180"/>
      <c r="AT196" s="180"/>
      <c r="AU196" s="180"/>
      <c r="AV196" s="180"/>
      <c r="AW196" s="180"/>
      <c r="AX196" s="180"/>
      <c r="AY196" s="180"/>
      <c r="AZ196" s="180"/>
      <c r="BA196" s="180"/>
      <c r="BB196" s="180"/>
      <c r="BC196" s="180"/>
      <c r="BD196" s="180"/>
      <c r="BE196" s="180"/>
      <c r="BF196" s="180"/>
      <c r="BG196" s="248"/>
      <c r="BH196" s="249"/>
      <c r="BI196" s="249"/>
      <c r="BJ196" s="250"/>
    </row>
    <row r="197" spans="4:62" ht="9.75" customHeight="1">
      <c r="D197" s="349"/>
      <c r="E197" s="350"/>
      <c r="F197" s="350"/>
      <c r="G197" s="351"/>
      <c r="H197" s="242"/>
      <c r="I197" s="243"/>
      <c r="J197" s="243"/>
      <c r="K197" s="243"/>
      <c r="L197" s="244"/>
      <c r="M197" s="22"/>
      <c r="N197" s="99"/>
      <c r="O197" s="100"/>
      <c r="P197" s="104"/>
      <c r="Q197" s="100"/>
      <c r="R197" s="100"/>
      <c r="S197" s="100"/>
      <c r="T197" s="104"/>
      <c r="U197" s="100"/>
      <c r="V197" s="100"/>
      <c r="W197" s="100"/>
      <c r="X197" s="104"/>
      <c r="Y197" s="100"/>
      <c r="Z197" s="100"/>
      <c r="AA197" s="100"/>
      <c r="AB197" s="104"/>
      <c r="AC197" s="100"/>
      <c r="AD197" s="100"/>
      <c r="AE197" s="100"/>
      <c r="AF197" s="104"/>
      <c r="AG197" s="100"/>
      <c r="AH197" s="100"/>
      <c r="AI197" s="100"/>
      <c r="AJ197" s="104"/>
      <c r="AK197" s="100"/>
      <c r="AL197" s="100"/>
      <c r="AM197" s="100"/>
      <c r="AN197" s="104"/>
      <c r="AO197" s="103"/>
      <c r="AP197" s="100"/>
      <c r="AQ197" s="100"/>
      <c r="AR197" s="104"/>
      <c r="AS197" s="100"/>
      <c r="AT197" s="100"/>
      <c r="AU197" s="100"/>
      <c r="AV197" s="100"/>
      <c r="AW197" s="103"/>
      <c r="AX197" s="100"/>
      <c r="AY197" s="100"/>
      <c r="AZ197" s="104"/>
      <c r="BA197" s="100"/>
      <c r="BB197" s="100"/>
      <c r="BC197" s="100"/>
      <c r="BD197" s="100"/>
      <c r="BF197" s="5"/>
      <c r="BG197" s="251"/>
      <c r="BH197" s="252"/>
      <c r="BI197" s="252"/>
      <c r="BJ197" s="253"/>
    </row>
    <row r="198" spans="4:62" ht="9.75" customHeight="1">
      <c r="D198" s="349"/>
      <c r="E198" s="350"/>
      <c r="F198" s="350"/>
      <c r="G198" s="351"/>
      <c r="H198" s="242"/>
      <c r="I198" s="243"/>
      <c r="J198" s="243"/>
      <c r="K198" s="243"/>
      <c r="L198" s="244"/>
      <c r="M198" s="22"/>
      <c r="N198" s="101"/>
      <c r="O198" s="102"/>
      <c r="P198" s="106"/>
      <c r="Q198" s="102"/>
      <c r="R198" s="102"/>
      <c r="S198" s="102"/>
      <c r="T198" s="106"/>
      <c r="U198" s="102"/>
      <c r="V198" s="102"/>
      <c r="W198" s="102"/>
      <c r="X198" s="106"/>
      <c r="Y198" s="102"/>
      <c r="Z198" s="102"/>
      <c r="AA198" s="102"/>
      <c r="AB198" s="106"/>
      <c r="AC198" s="102"/>
      <c r="AD198" s="102"/>
      <c r="AE198" s="102"/>
      <c r="AF198" s="106"/>
      <c r="AG198" s="102"/>
      <c r="AH198" s="102"/>
      <c r="AI198" s="102"/>
      <c r="AJ198" s="106"/>
      <c r="AK198" s="102"/>
      <c r="AL198" s="102"/>
      <c r="AM198" s="102"/>
      <c r="AN198" s="106"/>
      <c r="AO198" s="105"/>
      <c r="AP198" s="102"/>
      <c r="AQ198" s="102"/>
      <c r="AR198" s="106"/>
      <c r="AS198" s="102"/>
      <c r="AT198" s="102"/>
      <c r="AU198" s="102"/>
      <c r="AV198" s="102"/>
      <c r="AW198" s="105"/>
      <c r="AX198" s="102"/>
      <c r="AY198" s="102"/>
      <c r="AZ198" s="106"/>
      <c r="BA198" s="102"/>
      <c r="BB198" s="102"/>
      <c r="BC198" s="102"/>
      <c r="BD198" s="102"/>
      <c r="BF198" s="5"/>
      <c r="BG198" s="251"/>
      <c r="BH198" s="252"/>
      <c r="BI198" s="252"/>
      <c r="BJ198" s="253"/>
    </row>
    <row r="199" spans="4:62" ht="12" customHeight="1">
      <c r="D199" s="361"/>
      <c r="E199" s="362"/>
      <c r="F199" s="362"/>
      <c r="G199" s="363"/>
      <c r="H199" s="245"/>
      <c r="I199" s="246"/>
      <c r="J199" s="246"/>
      <c r="K199" s="246"/>
      <c r="L199" s="247"/>
      <c r="M199" s="33"/>
      <c r="N199" s="33"/>
      <c r="O199" s="194"/>
      <c r="P199" s="194"/>
      <c r="Q199" s="194"/>
      <c r="R199" s="194"/>
      <c r="S199" s="194"/>
      <c r="T199" s="194"/>
      <c r="U199" s="194"/>
      <c r="V199" s="194"/>
      <c r="W199" s="194"/>
      <c r="X199" s="194"/>
      <c r="Y199" s="194"/>
      <c r="Z199" s="194"/>
      <c r="AA199" s="194"/>
      <c r="AB199" s="194"/>
      <c r="AC199" s="194"/>
      <c r="AD199" s="194"/>
      <c r="AE199" s="194"/>
      <c r="AF199" s="194"/>
      <c r="AG199" s="194"/>
      <c r="AH199" s="194"/>
      <c r="AI199" s="194"/>
      <c r="AJ199" s="194"/>
      <c r="AK199" s="194"/>
      <c r="AL199" s="194"/>
      <c r="AM199" s="194"/>
      <c r="AN199" s="194"/>
      <c r="AO199" s="194"/>
      <c r="AP199" s="194"/>
      <c r="AQ199" s="194"/>
      <c r="AR199" s="194"/>
      <c r="AS199" s="194"/>
      <c r="AT199" s="194"/>
      <c r="AU199" s="194"/>
      <c r="AV199" s="194"/>
      <c r="AW199" s="194"/>
      <c r="AX199" s="194"/>
      <c r="AY199" s="194"/>
      <c r="AZ199" s="194"/>
      <c r="BA199" s="194"/>
      <c r="BB199" s="194"/>
      <c r="BC199" s="194"/>
      <c r="BD199" s="194"/>
      <c r="BE199" s="194"/>
      <c r="BF199" s="195"/>
      <c r="BG199" s="254"/>
      <c r="BH199" s="255"/>
      <c r="BI199" s="255"/>
      <c r="BJ199" s="256"/>
    </row>
    <row r="200" spans="4:62" ht="15.75" customHeight="1">
      <c r="D200" s="109"/>
      <c r="E200" s="198" t="s">
        <v>129</v>
      </c>
      <c r="AW200" s="331" t="s">
        <v>130</v>
      </c>
      <c r="AX200" s="207"/>
      <c r="AY200" s="207"/>
      <c r="AZ200" s="207"/>
      <c r="BA200" s="207"/>
      <c r="BB200" s="207"/>
      <c r="BC200" s="207"/>
      <c r="BD200" s="207"/>
      <c r="BE200" s="207"/>
      <c r="BF200" s="328"/>
      <c r="BG200" s="331"/>
      <c r="BH200" s="207"/>
      <c r="BI200" s="207"/>
      <c r="BJ200" s="328"/>
    </row>
    <row r="201" spans="4:62" ht="15.75" customHeight="1">
      <c r="D201" s="109"/>
      <c r="F201" s="198" t="s">
        <v>130</v>
      </c>
      <c r="AW201" s="326"/>
      <c r="AX201" s="208"/>
      <c r="AY201" s="208"/>
      <c r="AZ201" s="208"/>
      <c r="BA201" s="208"/>
      <c r="BB201" s="208"/>
      <c r="BC201" s="208"/>
      <c r="BD201" s="208"/>
      <c r="BE201" s="208"/>
      <c r="BF201" s="327"/>
      <c r="BG201" s="326"/>
      <c r="BH201" s="208"/>
      <c r="BI201" s="208"/>
      <c r="BJ201" s="327"/>
    </row>
    <row r="202" spans="4:62" ht="20.100000000000001" customHeight="1">
      <c r="D202" s="65"/>
      <c r="E202" s="130" t="s">
        <v>69</v>
      </c>
      <c r="F202" s="194"/>
      <c r="G202" s="208"/>
      <c r="H202" s="208"/>
      <c r="I202" s="208"/>
      <c r="J202" s="208"/>
      <c r="K202" s="208"/>
      <c r="L202" s="208"/>
      <c r="M202" s="194" t="s">
        <v>131</v>
      </c>
      <c r="N202" s="194"/>
      <c r="O202" s="194"/>
      <c r="P202" s="194"/>
      <c r="Q202" s="194"/>
      <c r="R202" s="194"/>
      <c r="S202" s="194"/>
      <c r="T202" s="194" t="s">
        <v>132</v>
      </c>
      <c r="U202" s="194"/>
      <c r="V202" s="194"/>
      <c r="W202" s="194"/>
      <c r="X202" s="194"/>
      <c r="Y202" s="194" t="s">
        <v>128</v>
      </c>
      <c r="Z202" s="194"/>
      <c r="AA202" s="194"/>
      <c r="AB202" s="194"/>
      <c r="AC202" s="194"/>
      <c r="AD202" s="194"/>
      <c r="AE202" s="194"/>
      <c r="AF202" s="194"/>
      <c r="AG202" s="194" t="s">
        <v>133</v>
      </c>
      <c r="AH202" s="194"/>
      <c r="AI202" s="194"/>
      <c r="AJ202" s="194"/>
      <c r="AK202" s="130" t="s">
        <v>69</v>
      </c>
      <c r="AL202" s="194"/>
      <c r="AM202" s="208"/>
      <c r="AN202" s="208"/>
      <c r="AO202" s="208"/>
      <c r="AP202" s="208"/>
      <c r="AQ202" s="208"/>
      <c r="AR202" s="208"/>
      <c r="AS202" s="194" t="s">
        <v>134</v>
      </c>
      <c r="AT202" s="194"/>
      <c r="AU202" s="194"/>
      <c r="AV202" s="194"/>
      <c r="AW202" s="194"/>
      <c r="AX202" s="194"/>
      <c r="AY202" s="194"/>
      <c r="AZ202" s="194"/>
      <c r="BA202" s="194"/>
      <c r="BB202" s="194"/>
      <c r="BC202" s="194"/>
      <c r="BD202" s="194"/>
      <c r="BE202" s="194"/>
      <c r="BF202" s="194"/>
      <c r="BG202" s="194"/>
      <c r="BH202" s="194"/>
      <c r="BI202" s="194"/>
      <c r="BJ202" s="195"/>
    </row>
    <row r="203" spans="4:62" ht="16.5" customHeight="1">
      <c r="D203" s="49" t="s">
        <v>135</v>
      </c>
      <c r="E203" s="45"/>
      <c r="F203" s="257" t="s">
        <v>262</v>
      </c>
      <c r="G203" s="257"/>
      <c r="H203" s="257"/>
      <c r="I203" s="257"/>
      <c r="J203" s="257"/>
      <c r="K203" s="257"/>
      <c r="L203" s="257"/>
      <c r="M203" s="257"/>
      <c r="N203" s="257"/>
      <c r="O203" s="257"/>
      <c r="P203" s="257"/>
      <c r="Q203" s="257"/>
      <c r="R203" s="257"/>
      <c r="S203" s="257"/>
      <c r="T203" s="257"/>
      <c r="U203" s="257"/>
      <c r="V203" s="257"/>
      <c r="W203" s="257"/>
      <c r="X203" s="257"/>
      <c r="Y203" s="257"/>
      <c r="Z203" s="257"/>
      <c r="AA203" s="257"/>
      <c r="AB203" s="257"/>
      <c r="AC203" s="257"/>
      <c r="AD203" s="257"/>
      <c r="AE203" s="257"/>
      <c r="AF203" s="257"/>
      <c r="AG203" s="257"/>
      <c r="AH203" s="257"/>
      <c r="AI203" s="257"/>
      <c r="AJ203" s="257"/>
      <c r="AK203" s="257"/>
      <c r="AL203" s="257"/>
      <c r="AM203" s="257"/>
      <c r="AN203" s="257"/>
      <c r="AO203" s="257"/>
      <c r="AP203" s="257"/>
      <c r="AQ203" s="257"/>
      <c r="AR203" s="257"/>
      <c r="AS203" s="257"/>
      <c r="AT203" s="257"/>
      <c r="AU203" s="257"/>
      <c r="AV203" s="257"/>
      <c r="AW203" s="257"/>
      <c r="AX203" s="257"/>
      <c r="AY203" s="257"/>
      <c r="AZ203" s="257"/>
      <c r="BA203" s="257"/>
      <c r="BB203" s="257"/>
      <c r="BC203" s="257"/>
      <c r="BD203" s="257"/>
      <c r="BE203" s="257"/>
      <c r="BF203" s="257"/>
      <c r="BG203" s="257"/>
      <c r="BH203" s="257"/>
      <c r="BI203" s="257"/>
      <c r="BJ203" s="257"/>
    </row>
    <row r="204" spans="4:62" ht="16.5" customHeight="1">
      <c r="D204" s="22"/>
      <c r="E204" s="22"/>
      <c r="F204" s="258"/>
      <c r="G204" s="258"/>
      <c r="H204" s="258"/>
      <c r="I204" s="258"/>
      <c r="J204" s="258"/>
      <c r="K204" s="258"/>
      <c r="L204" s="258"/>
      <c r="M204" s="258"/>
      <c r="N204" s="258"/>
      <c r="O204" s="258"/>
      <c r="P204" s="258"/>
      <c r="Q204" s="258"/>
      <c r="R204" s="258"/>
      <c r="S204" s="258"/>
      <c r="T204" s="258"/>
      <c r="U204" s="258"/>
      <c r="V204" s="258"/>
      <c r="W204" s="258"/>
      <c r="X204" s="258"/>
      <c r="Y204" s="258"/>
      <c r="Z204" s="258"/>
      <c r="AA204" s="258"/>
      <c r="AB204" s="258"/>
      <c r="AC204" s="258"/>
      <c r="AD204" s="258"/>
      <c r="AE204" s="258"/>
      <c r="AF204" s="258"/>
      <c r="AG204" s="258"/>
      <c r="AH204" s="258"/>
      <c r="AI204" s="258"/>
      <c r="AJ204" s="258"/>
      <c r="AK204" s="258"/>
      <c r="AL204" s="258"/>
      <c r="AM204" s="258"/>
      <c r="AN204" s="258"/>
      <c r="AO204" s="258"/>
      <c r="AP204" s="258"/>
      <c r="AQ204" s="258"/>
      <c r="AR204" s="258"/>
      <c r="AS204" s="258"/>
      <c r="AT204" s="258"/>
      <c r="AU204" s="258"/>
      <c r="AV204" s="258"/>
      <c r="AW204" s="258"/>
      <c r="AX204" s="258"/>
      <c r="AY204" s="258"/>
      <c r="AZ204" s="258"/>
      <c r="BA204" s="258"/>
      <c r="BB204" s="258"/>
      <c r="BC204" s="258"/>
      <c r="BD204" s="258"/>
      <c r="BE204" s="258"/>
      <c r="BF204" s="258"/>
      <c r="BG204" s="258"/>
      <c r="BH204" s="258"/>
      <c r="BI204" s="258"/>
      <c r="BJ204" s="258"/>
    </row>
    <row r="205" spans="4:62" ht="5.25" customHeight="1">
      <c r="D205" s="110"/>
      <c r="F205" s="22"/>
      <c r="G205" s="22"/>
      <c r="H205" s="22"/>
      <c r="I205" s="22"/>
      <c r="J205" s="22"/>
      <c r="K205" s="22"/>
      <c r="L205" s="22"/>
      <c r="M205" s="22"/>
      <c r="N205" s="22"/>
    </row>
    <row r="206" spans="4:62" ht="11.25" customHeight="1">
      <c r="D206" s="110"/>
      <c r="F206" s="22"/>
      <c r="G206" s="22"/>
      <c r="H206" s="22"/>
      <c r="I206" s="22"/>
      <c r="J206" s="22"/>
      <c r="K206" s="22"/>
      <c r="L206" s="22"/>
      <c r="M206" s="22"/>
      <c r="N206" s="22"/>
    </row>
    <row r="207" spans="4:62" ht="20.100000000000001" customHeight="1">
      <c r="D207" s="107" t="s">
        <v>265</v>
      </c>
      <c r="E207" s="26"/>
      <c r="F207" s="46"/>
      <c r="G207" s="46"/>
      <c r="H207" s="46"/>
      <c r="I207" s="46"/>
      <c r="J207" s="46"/>
      <c r="K207" s="46"/>
      <c r="L207" s="46"/>
      <c r="M207" s="46"/>
      <c r="N207" s="46"/>
      <c r="O207" s="26"/>
      <c r="P207" s="26"/>
      <c r="Q207" s="26"/>
      <c r="R207" s="26"/>
      <c r="S207" s="26"/>
      <c r="T207" s="26"/>
      <c r="U207" s="26"/>
      <c r="V207" s="26"/>
      <c r="W207" s="26"/>
      <c r="X207" s="26"/>
      <c r="Y207" s="26"/>
      <c r="Z207" s="26"/>
      <c r="AA207" s="26"/>
      <c r="AB207" s="26"/>
      <c r="AC207" s="26"/>
      <c r="AD207" s="26"/>
      <c r="AE207" s="26"/>
      <c r="AF207" s="26"/>
      <c r="AG207" s="26"/>
      <c r="AH207" s="26"/>
      <c r="AI207" s="26"/>
      <c r="AJ207" s="26"/>
      <c r="AK207" s="26"/>
      <c r="AL207" s="26"/>
      <c r="AM207" s="26"/>
      <c r="AN207" s="26"/>
      <c r="AO207" s="26"/>
      <c r="AP207" s="26"/>
      <c r="AQ207" s="26"/>
      <c r="AR207" s="26"/>
      <c r="AS207" s="26"/>
      <c r="AT207" s="26"/>
      <c r="AU207" s="26"/>
      <c r="AV207" s="26"/>
      <c r="AW207" s="26"/>
      <c r="AX207" s="26"/>
      <c r="AY207" s="26"/>
      <c r="AZ207" s="26"/>
      <c r="BA207" s="26"/>
      <c r="BB207" s="26"/>
      <c r="BC207" s="26"/>
      <c r="BD207" s="26"/>
      <c r="BE207" s="26"/>
      <c r="BF207" s="26"/>
      <c r="BG207" s="26"/>
      <c r="BH207" s="26"/>
      <c r="BI207" s="26"/>
      <c r="BJ207" s="27"/>
    </row>
    <row r="208" spans="4:62" ht="33.75" customHeight="1">
      <c r="D208" s="284" t="s">
        <v>111</v>
      </c>
      <c r="E208" s="262"/>
      <c r="F208" s="262"/>
      <c r="G208" s="262"/>
      <c r="H208" s="281" t="s">
        <v>112</v>
      </c>
      <c r="I208" s="282"/>
      <c r="J208" s="282"/>
      <c r="K208" s="282"/>
      <c r="L208" s="283"/>
      <c r="M208" s="340" t="s">
        <v>114</v>
      </c>
      <c r="N208" s="341"/>
      <c r="O208" s="341"/>
      <c r="P208" s="341"/>
      <c r="Q208" s="341"/>
      <c r="R208" s="341"/>
      <c r="S208" s="341"/>
      <c r="T208" s="341"/>
      <c r="U208" s="341"/>
      <c r="V208" s="341"/>
      <c r="W208" s="341"/>
      <c r="X208" s="341"/>
      <c r="Y208" s="341"/>
      <c r="Z208" s="341"/>
      <c r="AA208" s="341"/>
      <c r="AB208" s="341"/>
      <c r="AC208" s="341"/>
      <c r="AD208" s="341"/>
      <c r="AE208" s="341"/>
      <c r="AF208" s="341"/>
      <c r="AG208" s="341"/>
      <c r="AH208" s="341"/>
      <c r="AI208" s="341"/>
      <c r="AJ208" s="341"/>
      <c r="AK208" s="341"/>
      <c r="AL208" s="341"/>
      <c r="AM208" s="341"/>
      <c r="AN208" s="341"/>
      <c r="AO208" s="341"/>
      <c r="AP208" s="341"/>
      <c r="AQ208" s="341"/>
      <c r="AR208" s="341"/>
      <c r="AS208" s="341"/>
      <c r="AT208" s="341"/>
      <c r="AU208" s="341"/>
      <c r="AV208" s="341"/>
      <c r="AW208" s="341"/>
      <c r="AX208" s="341"/>
      <c r="AY208" s="341"/>
      <c r="AZ208" s="341"/>
      <c r="BA208" s="341"/>
      <c r="BB208" s="341"/>
      <c r="BC208" s="341"/>
      <c r="BD208" s="341"/>
      <c r="BE208" s="341"/>
      <c r="BF208" s="342"/>
      <c r="BG208" s="281" t="s">
        <v>113</v>
      </c>
      <c r="BH208" s="262"/>
      <c r="BI208" s="262"/>
      <c r="BJ208" s="285"/>
    </row>
    <row r="209" spans="4:62" ht="23.25" customHeight="1">
      <c r="D209" s="358"/>
      <c r="E209" s="359"/>
      <c r="F209" s="359"/>
      <c r="G209" s="360"/>
      <c r="H209" s="333" t="s">
        <v>125</v>
      </c>
      <c r="I209" s="334"/>
      <c r="J209" s="334"/>
      <c r="K209" s="334"/>
      <c r="L209" s="335"/>
      <c r="M209" s="197"/>
      <c r="N209" s="197" t="s">
        <v>115</v>
      </c>
      <c r="O209" s="197"/>
      <c r="P209" s="197"/>
      <c r="Q209" s="197"/>
      <c r="R209" s="197"/>
      <c r="S209" s="197"/>
      <c r="T209" s="197" t="s">
        <v>116</v>
      </c>
      <c r="U209" s="197"/>
      <c r="V209" s="197"/>
      <c r="W209" s="197"/>
      <c r="X209" s="197" t="s">
        <v>117</v>
      </c>
      <c r="Y209" s="197"/>
      <c r="Z209" s="197"/>
      <c r="AA209" s="197"/>
      <c r="AB209" s="197" t="s">
        <v>118</v>
      </c>
      <c r="AC209" s="197"/>
      <c r="AD209" s="197"/>
      <c r="AE209" s="197"/>
      <c r="AF209" s="197" t="s">
        <v>119</v>
      </c>
      <c r="AG209" s="197"/>
      <c r="AH209" s="197"/>
      <c r="AI209" s="197"/>
      <c r="AJ209" s="197" t="s">
        <v>120</v>
      </c>
      <c r="AK209" s="197"/>
      <c r="AL209" s="197"/>
      <c r="AM209" s="197"/>
      <c r="AN209" s="197" t="s">
        <v>121</v>
      </c>
      <c r="AO209" s="197"/>
      <c r="AP209" s="197"/>
      <c r="AQ209" s="197"/>
      <c r="AR209" s="197" t="s">
        <v>122</v>
      </c>
      <c r="AS209" s="197"/>
      <c r="AT209" s="197"/>
      <c r="AU209" s="197"/>
      <c r="AV209" s="197" t="s">
        <v>123</v>
      </c>
      <c r="AW209" s="197"/>
      <c r="AX209" s="197"/>
      <c r="AY209" s="197"/>
      <c r="AZ209" s="197" t="s">
        <v>124</v>
      </c>
      <c r="BA209" s="197"/>
      <c r="BB209" s="197"/>
      <c r="BC209" s="197"/>
      <c r="BD209" s="197"/>
      <c r="BE209" s="197"/>
      <c r="BF209" s="197"/>
      <c r="BG209" s="344"/>
      <c r="BH209" s="292"/>
      <c r="BI209" s="292"/>
      <c r="BJ209" s="345"/>
    </row>
    <row r="210" spans="4:62" ht="9.75" customHeight="1">
      <c r="D210" s="349"/>
      <c r="E210" s="350"/>
      <c r="F210" s="350"/>
      <c r="G210" s="351"/>
      <c r="H210" s="242"/>
      <c r="I210" s="243"/>
      <c r="J210" s="243"/>
      <c r="K210" s="243"/>
      <c r="L210" s="244"/>
      <c r="M210" s="22"/>
      <c r="N210" s="99"/>
      <c r="O210" s="100"/>
      <c r="P210" s="104"/>
      <c r="Q210" s="100"/>
      <c r="R210" s="100"/>
      <c r="S210" s="100"/>
      <c r="T210" s="104"/>
      <c r="U210" s="100"/>
      <c r="V210" s="100"/>
      <c r="W210" s="100"/>
      <c r="X210" s="104"/>
      <c r="Y210" s="100"/>
      <c r="Z210" s="100"/>
      <c r="AA210" s="100"/>
      <c r="AB210" s="104"/>
      <c r="AC210" s="100"/>
      <c r="AD210" s="100"/>
      <c r="AE210" s="100"/>
      <c r="AF210" s="104"/>
      <c r="AG210" s="100"/>
      <c r="AH210" s="100"/>
      <c r="AI210" s="100"/>
      <c r="AJ210" s="104"/>
      <c r="AK210" s="100"/>
      <c r="AL210" s="100"/>
      <c r="AM210" s="100"/>
      <c r="AN210" s="104"/>
      <c r="AO210" s="103"/>
      <c r="AP210" s="100"/>
      <c r="AQ210" s="100"/>
      <c r="AR210" s="104"/>
      <c r="AS210" s="100"/>
      <c r="AT210" s="100"/>
      <c r="AU210" s="100"/>
      <c r="AV210" s="100"/>
      <c r="AW210" s="103"/>
      <c r="AX210" s="100"/>
      <c r="AY210" s="100"/>
      <c r="AZ210" s="104"/>
      <c r="BA210" s="100"/>
      <c r="BB210" s="100"/>
      <c r="BC210" s="100"/>
      <c r="BD210" s="100"/>
      <c r="BG210" s="251"/>
      <c r="BH210" s="252"/>
      <c r="BI210" s="252"/>
      <c r="BJ210" s="253"/>
    </row>
    <row r="211" spans="4:62" ht="9.75" customHeight="1">
      <c r="D211" s="349"/>
      <c r="E211" s="350"/>
      <c r="F211" s="350"/>
      <c r="G211" s="351"/>
      <c r="H211" s="242"/>
      <c r="I211" s="243"/>
      <c r="J211" s="243"/>
      <c r="K211" s="243"/>
      <c r="L211" s="244"/>
      <c r="M211" s="22"/>
      <c r="N211" s="101"/>
      <c r="O211" s="102"/>
      <c r="P211" s="106"/>
      <c r="Q211" s="102"/>
      <c r="R211" s="102"/>
      <c r="S211" s="102"/>
      <c r="T211" s="106"/>
      <c r="U211" s="102"/>
      <c r="V211" s="102"/>
      <c r="W211" s="102"/>
      <c r="X211" s="106"/>
      <c r="Y211" s="102"/>
      <c r="Z211" s="102"/>
      <c r="AA211" s="102"/>
      <c r="AB211" s="106"/>
      <c r="AC211" s="102"/>
      <c r="AD211" s="102"/>
      <c r="AE211" s="102"/>
      <c r="AF211" s="106"/>
      <c r="AG211" s="102"/>
      <c r="AH211" s="102"/>
      <c r="AI211" s="102"/>
      <c r="AJ211" s="106"/>
      <c r="AK211" s="102"/>
      <c r="AL211" s="102"/>
      <c r="AM211" s="102"/>
      <c r="AN211" s="106"/>
      <c r="AO211" s="105"/>
      <c r="AP211" s="102"/>
      <c r="AQ211" s="102"/>
      <c r="AR211" s="106"/>
      <c r="AS211" s="102"/>
      <c r="AT211" s="102"/>
      <c r="AU211" s="102"/>
      <c r="AV211" s="102"/>
      <c r="AW211" s="105"/>
      <c r="AX211" s="102"/>
      <c r="AY211" s="102"/>
      <c r="AZ211" s="106"/>
      <c r="BA211" s="102"/>
      <c r="BB211" s="102"/>
      <c r="BC211" s="102"/>
      <c r="BD211" s="102"/>
      <c r="BG211" s="251"/>
      <c r="BH211" s="252"/>
      <c r="BI211" s="252"/>
      <c r="BJ211" s="253"/>
    </row>
    <row r="212" spans="4:62" ht="12" customHeight="1">
      <c r="D212" s="352"/>
      <c r="E212" s="353"/>
      <c r="F212" s="353"/>
      <c r="G212" s="354"/>
      <c r="H212" s="242"/>
      <c r="I212" s="243"/>
      <c r="J212" s="243"/>
      <c r="K212" s="243"/>
      <c r="L212" s="244"/>
      <c r="M212" s="22"/>
      <c r="N212" s="22"/>
      <c r="BG212" s="251"/>
      <c r="BH212" s="252"/>
      <c r="BI212" s="252"/>
      <c r="BJ212" s="253"/>
    </row>
    <row r="213" spans="4:62" ht="16.5" customHeight="1">
      <c r="D213" s="346"/>
      <c r="E213" s="347"/>
      <c r="F213" s="347"/>
      <c r="G213" s="348"/>
      <c r="H213" s="239" t="s">
        <v>125</v>
      </c>
      <c r="I213" s="240"/>
      <c r="J213" s="240"/>
      <c r="K213" s="240"/>
      <c r="L213" s="241"/>
      <c r="M213" s="180"/>
      <c r="N213" s="180"/>
      <c r="O213" s="180"/>
      <c r="P213" s="180"/>
      <c r="Q213" s="180"/>
      <c r="R213" s="180"/>
      <c r="S213" s="180"/>
      <c r="T213" s="180"/>
      <c r="U213" s="180"/>
      <c r="V213" s="180"/>
      <c r="W213" s="180"/>
      <c r="X213" s="180"/>
      <c r="Y213" s="180"/>
      <c r="Z213" s="180"/>
      <c r="AA213" s="180"/>
      <c r="AB213" s="180"/>
      <c r="AC213" s="180"/>
      <c r="AD213" s="180"/>
      <c r="AE213" s="180"/>
      <c r="AF213" s="180"/>
      <c r="AG213" s="180"/>
      <c r="AH213" s="180"/>
      <c r="AI213" s="180"/>
      <c r="AJ213" s="180"/>
      <c r="AK213" s="180"/>
      <c r="AL213" s="180"/>
      <c r="AM213" s="180"/>
      <c r="AN213" s="180"/>
      <c r="AO213" s="180"/>
      <c r="AP213" s="180"/>
      <c r="AQ213" s="180"/>
      <c r="AR213" s="180"/>
      <c r="AS213" s="180"/>
      <c r="AT213" s="180"/>
      <c r="AU213" s="180"/>
      <c r="AV213" s="180"/>
      <c r="AW213" s="180"/>
      <c r="AX213" s="180"/>
      <c r="AY213" s="180"/>
      <c r="AZ213" s="180"/>
      <c r="BA213" s="180"/>
      <c r="BB213" s="180"/>
      <c r="BC213" s="180"/>
      <c r="BD213" s="180"/>
      <c r="BE213" s="180"/>
      <c r="BF213" s="180"/>
      <c r="BG213" s="248"/>
      <c r="BH213" s="249"/>
      <c r="BI213" s="249"/>
      <c r="BJ213" s="250"/>
    </row>
    <row r="214" spans="4:62" ht="9.75" customHeight="1">
      <c r="D214" s="349"/>
      <c r="E214" s="350"/>
      <c r="F214" s="350"/>
      <c r="G214" s="351"/>
      <c r="H214" s="242"/>
      <c r="I214" s="243"/>
      <c r="J214" s="243"/>
      <c r="K214" s="243"/>
      <c r="L214" s="244"/>
      <c r="M214" s="22"/>
      <c r="N214" s="99"/>
      <c r="O214" s="100"/>
      <c r="P214" s="104"/>
      <c r="Q214" s="100"/>
      <c r="R214" s="100"/>
      <c r="S214" s="100"/>
      <c r="T214" s="104"/>
      <c r="U214" s="100"/>
      <c r="V214" s="100"/>
      <c r="W214" s="100"/>
      <c r="X214" s="104"/>
      <c r="Y214" s="100"/>
      <c r="Z214" s="100"/>
      <c r="AA214" s="100"/>
      <c r="AB214" s="104"/>
      <c r="AC214" s="100"/>
      <c r="AD214" s="100"/>
      <c r="AE214" s="100"/>
      <c r="AF214" s="104"/>
      <c r="AG214" s="100"/>
      <c r="AH214" s="100"/>
      <c r="AI214" s="100"/>
      <c r="AJ214" s="104"/>
      <c r="AK214" s="100"/>
      <c r="AL214" s="100"/>
      <c r="AM214" s="100"/>
      <c r="AN214" s="104"/>
      <c r="AO214" s="103"/>
      <c r="AP214" s="100"/>
      <c r="AQ214" s="100"/>
      <c r="AR214" s="104"/>
      <c r="AS214" s="100"/>
      <c r="AT214" s="100"/>
      <c r="AU214" s="100"/>
      <c r="AV214" s="100"/>
      <c r="AW214" s="103"/>
      <c r="AX214" s="100"/>
      <c r="AY214" s="100"/>
      <c r="AZ214" s="104"/>
      <c r="BA214" s="100"/>
      <c r="BB214" s="100"/>
      <c r="BC214" s="100"/>
      <c r="BD214" s="100"/>
      <c r="BG214" s="251"/>
      <c r="BH214" s="252"/>
      <c r="BI214" s="252"/>
      <c r="BJ214" s="253"/>
    </row>
    <row r="215" spans="4:62" ht="9.75" customHeight="1">
      <c r="D215" s="349"/>
      <c r="E215" s="350"/>
      <c r="F215" s="350"/>
      <c r="G215" s="351"/>
      <c r="H215" s="242"/>
      <c r="I215" s="243"/>
      <c r="J215" s="243"/>
      <c r="K215" s="243"/>
      <c r="L215" s="244"/>
      <c r="M215" s="22"/>
      <c r="N215" s="101"/>
      <c r="O215" s="102"/>
      <c r="P215" s="106"/>
      <c r="Q215" s="102"/>
      <c r="R215" s="102"/>
      <c r="S215" s="102"/>
      <c r="T215" s="106"/>
      <c r="U215" s="102"/>
      <c r="V215" s="102"/>
      <c r="W215" s="102"/>
      <c r="X215" s="106"/>
      <c r="Y215" s="102"/>
      <c r="Z215" s="102"/>
      <c r="AA215" s="102"/>
      <c r="AB215" s="106"/>
      <c r="AC215" s="102"/>
      <c r="AD215" s="102"/>
      <c r="AE215" s="102"/>
      <c r="AF215" s="106"/>
      <c r="AG215" s="102"/>
      <c r="AH215" s="102"/>
      <c r="AI215" s="102"/>
      <c r="AJ215" s="106"/>
      <c r="AK215" s="102"/>
      <c r="AL215" s="102"/>
      <c r="AM215" s="102"/>
      <c r="AN215" s="106"/>
      <c r="AO215" s="105"/>
      <c r="AP215" s="102"/>
      <c r="AQ215" s="102"/>
      <c r="AR215" s="106"/>
      <c r="AS215" s="102"/>
      <c r="AT215" s="102"/>
      <c r="AU215" s="102"/>
      <c r="AV215" s="102"/>
      <c r="AW215" s="105"/>
      <c r="AX215" s="102"/>
      <c r="AY215" s="102"/>
      <c r="AZ215" s="106"/>
      <c r="BA215" s="102"/>
      <c r="BB215" s="102"/>
      <c r="BC215" s="102"/>
      <c r="BD215" s="102"/>
      <c r="BG215" s="251"/>
      <c r="BH215" s="252"/>
      <c r="BI215" s="252"/>
      <c r="BJ215" s="253"/>
    </row>
    <row r="216" spans="4:62" ht="12" customHeight="1">
      <c r="D216" s="349"/>
      <c r="E216" s="350"/>
      <c r="F216" s="350"/>
      <c r="G216" s="351"/>
      <c r="H216" s="242"/>
      <c r="I216" s="243"/>
      <c r="J216" s="243"/>
      <c r="K216" s="243"/>
      <c r="L216" s="244"/>
      <c r="M216" s="22"/>
      <c r="N216" s="22"/>
      <c r="BG216" s="251"/>
      <c r="BH216" s="252"/>
      <c r="BI216" s="252"/>
      <c r="BJ216" s="253"/>
    </row>
    <row r="217" spans="4:62" ht="16.5" customHeight="1">
      <c r="D217" s="346"/>
      <c r="E217" s="347"/>
      <c r="F217" s="347"/>
      <c r="G217" s="348"/>
      <c r="H217" s="239" t="s">
        <v>125</v>
      </c>
      <c r="I217" s="240"/>
      <c r="J217" s="240"/>
      <c r="K217" s="240"/>
      <c r="L217" s="241"/>
      <c r="M217" s="180"/>
      <c r="N217" s="180"/>
      <c r="O217" s="180"/>
      <c r="P217" s="180"/>
      <c r="Q217" s="180"/>
      <c r="R217" s="180"/>
      <c r="S217" s="180"/>
      <c r="T217" s="180"/>
      <c r="U217" s="180"/>
      <c r="V217" s="180"/>
      <c r="W217" s="180"/>
      <c r="X217" s="180"/>
      <c r="Y217" s="180"/>
      <c r="Z217" s="180"/>
      <c r="AA217" s="180"/>
      <c r="AB217" s="180"/>
      <c r="AC217" s="180"/>
      <c r="AD217" s="180"/>
      <c r="AE217" s="180"/>
      <c r="AF217" s="180"/>
      <c r="AG217" s="180"/>
      <c r="AH217" s="180"/>
      <c r="AI217" s="180"/>
      <c r="AJ217" s="180"/>
      <c r="AK217" s="180"/>
      <c r="AL217" s="180"/>
      <c r="AM217" s="180"/>
      <c r="AN217" s="180"/>
      <c r="AO217" s="180"/>
      <c r="AP217" s="180"/>
      <c r="AQ217" s="180"/>
      <c r="AR217" s="180"/>
      <c r="AS217" s="180"/>
      <c r="AT217" s="180"/>
      <c r="AU217" s="180"/>
      <c r="AV217" s="180"/>
      <c r="AW217" s="180"/>
      <c r="AX217" s="180"/>
      <c r="AY217" s="180"/>
      <c r="AZ217" s="180"/>
      <c r="BA217" s="180"/>
      <c r="BB217" s="180"/>
      <c r="BC217" s="180"/>
      <c r="BD217" s="180"/>
      <c r="BE217" s="180"/>
      <c r="BF217" s="180"/>
      <c r="BG217" s="248"/>
      <c r="BH217" s="249"/>
      <c r="BI217" s="249"/>
      <c r="BJ217" s="250"/>
    </row>
    <row r="218" spans="4:62" ht="9.75" customHeight="1">
      <c r="D218" s="349"/>
      <c r="E218" s="350"/>
      <c r="F218" s="350"/>
      <c r="G218" s="351"/>
      <c r="H218" s="242"/>
      <c r="I218" s="243"/>
      <c r="J218" s="243"/>
      <c r="K218" s="243"/>
      <c r="L218" s="244"/>
      <c r="M218" s="22"/>
      <c r="N218" s="99"/>
      <c r="O218" s="100"/>
      <c r="P218" s="104"/>
      <c r="Q218" s="100"/>
      <c r="R218" s="100"/>
      <c r="S218" s="100"/>
      <c r="T218" s="104"/>
      <c r="U218" s="100"/>
      <c r="V218" s="100"/>
      <c r="W218" s="100"/>
      <c r="X218" s="104"/>
      <c r="Y218" s="100"/>
      <c r="Z218" s="100"/>
      <c r="AA218" s="100"/>
      <c r="AB218" s="104"/>
      <c r="AC218" s="100"/>
      <c r="AD218" s="100"/>
      <c r="AE218" s="100"/>
      <c r="AF218" s="104"/>
      <c r="AG218" s="100"/>
      <c r="AH218" s="100"/>
      <c r="AI218" s="100"/>
      <c r="AJ218" s="104"/>
      <c r="AK218" s="100"/>
      <c r="AL218" s="100"/>
      <c r="AM218" s="100"/>
      <c r="AN218" s="104"/>
      <c r="AO218" s="103"/>
      <c r="AP218" s="100"/>
      <c r="AQ218" s="100"/>
      <c r="AR218" s="104"/>
      <c r="AS218" s="100"/>
      <c r="AT218" s="100"/>
      <c r="AU218" s="100"/>
      <c r="AV218" s="100"/>
      <c r="AW218" s="103"/>
      <c r="AX218" s="100"/>
      <c r="AY218" s="100"/>
      <c r="AZ218" s="104"/>
      <c r="BA218" s="100"/>
      <c r="BB218" s="100"/>
      <c r="BC218" s="100"/>
      <c r="BD218" s="100"/>
      <c r="BG218" s="251"/>
      <c r="BH218" s="252"/>
      <c r="BI218" s="252"/>
      <c r="BJ218" s="253"/>
    </row>
    <row r="219" spans="4:62" ht="9.75" customHeight="1">
      <c r="D219" s="349"/>
      <c r="E219" s="350"/>
      <c r="F219" s="350"/>
      <c r="G219" s="351"/>
      <c r="H219" s="242"/>
      <c r="I219" s="243"/>
      <c r="J219" s="243"/>
      <c r="K219" s="243"/>
      <c r="L219" s="244"/>
      <c r="M219" s="22"/>
      <c r="N219" s="101"/>
      <c r="O219" s="102"/>
      <c r="P219" s="106"/>
      <c r="Q219" s="102"/>
      <c r="R219" s="102"/>
      <c r="S219" s="102"/>
      <c r="T219" s="106"/>
      <c r="U219" s="102"/>
      <c r="V219" s="102"/>
      <c r="W219" s="102"/>
      <c r="X219" s="106"/>
      <c r="Y219" s="102"/>
      <c r="Z219" s="102"/>
      <c r="AA219" s="102"/>
      <c r="AB219" s="106"/>
      <c r="AC219" s="102"/>
      <c r="AD219" s="102"/>
      <c r="AE219" s="102"/>
      <c r="AF219" s="106"/>
      <c r="AG219" s="102"/>
      <c r="AH219" s="102"/>
      <c r="AI219" s="102"/>
      <c r="AJ219" s="106"/>
      <c r="AK219" s="102"/>
      <c r="AL219" s="102"/>
      <c r="AM219" s="102"/>
      <c r="AN219" s="106"/>
      <c r="AO219" s="105"/>
      <c r="AP219" s="102"/>
      <c r="AQ219" s="102"/>
      <c r="AR219" s="106"/>
      <c r="AS219" s="102"/>
      <c r="AT219" s="102"/>
      <c r="AU219" s="102"/>
      <c r="AV219" s="102"/>
      <c r="AW219" s="105"/>
      <c r="AX219" s="102"/>
      <c r="AY219" s="102"/>
      <c r="AZ219" s="106"/>
      <c r="BA219" s="102"/>
      <c r="BB219" s="102"/>
      <c r="BC219" s="102"/>
      <c r="BD219" s="102"/>
      <c r="BG219" s="251"/>
      <c r="BH219" s="252"/>
      <c r="BI219" s="252"/>
      <c r="BJ219" s="253"/>
    </row>
    <row r="220" spans="4:62" ht="12" customHeight="1">
      <c r="D220" s="352"/>
      <c r="E220" s="353"/>
      <c r="F220" s="353"/>
      <c r="G220" s="354"/>
      <c r="H220" s="259"/>
      <c r="I220" s="260"/>
      <c r="J220" s="260"/>
      <c r="K220" s="260"/>
      <c r="L220" s="261"/>
      <c r="M220" s="47"/>
      <c r="N220" s="47"/>
      <c r="O220" s="179"/>
      <c r="P220" s="179"/>
      <c r="Q220" s="179"/>
      <c r="R220" s="179"/>
      <c r="S220" s="179"/>
      <c r="T220" s="179"/>
      <c r="U220" s="179"/>
      <c r="V220" s="179"/>
      <c r="W220" s="179"/>
      <c r="X220" s="179"/>
      <c r="Y220" s="179"/>
      <c r="Z220" s="179"/>
      <c r="AA220" s="179"/>
      <c r="AB220" s="179"/>
      <c r="AC220" s="179"/>
      <c r="AD220" s="179"/>
      <c r="AE220" s="179"/>
      <c r="AF220" s="179"/>
      <c r="AG220" s="179"/>
      <c r="AH220" s="179"/>
      <c r="AI220" s="179"/>
      <c r="AJ220" s="179"/>
      <c r="AK220" s="179"/>
      <c r="AL220" s="179"/>
      <c r="AM220" s="179"/>
      <c r="AN220" s="179"/>
      <c r="AO220" s="179"/>
      <c r="AP220" s="179"/>
      <c r="AQ220" s="179"/>
      <c r="AR220" s="179"/>
      <c r="AS220" s="179"/>
      <c r="AT220" s="179"/>
      <c r="AU220" s="179"/>
      <c r="AV220" s="179"/>
      <c r="AW220" s="179"/>
      <c r="AX220" s="179"/>
      <c r="AY220" s="179"/>
      <c r="AZ220" s="179"/>
      <c r="BA220" s="179"/>
      <c r="BB220" s="179"/>
      <c r="BC220" s="179"/>
      <c r="BD220" s="179"/>
      <c r="BE220" s="179"/>
      <c r="BF220" s="179"/>
      <c r="BG220" s="254"/>
      <c r="BH220" s="255"/>
      <c r="BI220" s="255"/>
      <c r="BJ220" s="256"/>
    </row>
    <row r="221" spans="4:62" ht="16.5" customHeight="1">
      <c r="D221" s="349"/>
      <c r="E221" s="350"/>
      <c r="F221" s="350"/>
      <c r="G221" s="351"/>
      <c r="H221" s="242" t="s">
        <v>125</v>
      </c>
      <c r="I221" s="243"/>
      <c r="J221" s="243"/>
      <c r="K221" s="243"/>
      <c r="L221" s="244"/>
      <c r="M221" s="180"/>
      <c r="N221" s="180"/>
      <c r="O221" s="180"/>
      <c r="P221" s="180"/>
      <c r="Q221" s="180"/>
      <c r="R221" s="180"/>
      <c r="S221" s="180"/>
      <c r="T221" s="180"/>
      <c r="U221" s="180"/>
      <c r="V221" s="180"/>
      <c r="W221" s="180"/>
      <c r="X221" s="180"/>
      <c r="Y221" s="180"/>
      <c r="Z221" s="180"/>
      <c r="AA221" s="180"/>
      <c r="AB221" s="180"/>
      <c r="AC221" s="180"/>
      <c r="AD221" s="180"/>
      <c r="AE221" s="180"/>
      <c r="AF221" s="180"/>
      <c r="AG221" s="180"/>
      <c r="AH221" s="180"/>
      <c r="AI221" s="180"/>
      <c r="AJ221" s="180"/>
      <c r="AK221" s="180"/>
      <c r="AL221" s="180"/>
      <c r="AM221" s="180"/>
      <c r="AN221" s="180"/>
      <c r="AO221" s="180"/>
      <c r="AP221" s="180"/>
      <c r="AQ221" s="180"/>
      <c r="AR221" s="180"/>
      <c r="AS221" s="180"/>
      <c r="AT221" s="180"/>
      <c r="AU221" s="180"/>
      <c r="AV221" s="180"/>
      <c r="AW221" s="180"/>
      <c r="AX221" s="180"/>
      <c r="AY221" s="180"/>
      <c r="AZ221" s="180"/>
      <c r="BA221" s="180"/>
      <c r="BB221" s="180"/>
      <c r="BC221" s="180"/>
      <c r="BD221" s="180"/>
      <c r="BE221" s="180"/>
      <c r="BF221" s="180"/>
      <c r="BG221" s="251"/>
      <c r="BH221" s="252"/>
      <c r="BI221" s="252"/>
      <c r="BJ221" s="253"/>
    </row>
    <row r="222" spans="4:62" ht="9.75" customHeight="1">
      <c r="D222" s="349"/>
      <c r="E222" s="350"/>
      <c r="F222" s="350"/>
      <c r="G222" s="351"/>
      <c r="H222" s="242"/>
      <c r="I222" s="243"/>
      <c r="J222" s="243"/>
      <c r="K222" s="243"/>
      <c r="L222" s="244"/>
      <c r="M222" s="22"/>
      <c r="N222" s="99"/>
      <c r="O222" s="100"/>
      <c r="P222" s="104"/>
      <c r="Q222" s="100"/>
      <c r="R222" s="100"/>
      <c r="S222" s="100"/>
      <c r="T222" s="104"/>
      <c r="U222" s="100"/>
      <c r="V222" s="100"/>
      <c r="W222" s="100"/>
      <c r="X222" s="104"/>
      <c r="Y222" s="100"/>
      <c r="Z222" s="100"/>
      <c r="AA222" s="100"/>
      <c r="AB222" s="104"/>
      <c r="AC222" s="100"/>
      <c r="AD222" s="100"/>
      <c r="AE222" s="100"/>
      <c r="AF222" s="104"/>
      <c r="AG222" s="100"/>
      <c r="AH222" s="100"/>
      <c r="AI222" s="100"/>
      <c r="AJ222" s="104"/>
      <c r="AK222" s="100"/>
      <c r="AL222" s="100"/>
      <c r="AM222" s="100"/>
      <c r="AN222" s="104"/>
      <c r="AO222" s="103"/>
      <c r="AP222" s="100"/>
      <c r="AQ222" s="100"/>
      <c r="AR222" s="104"/>
      <c r="AS222" s="100"/>
      <c r="AT222" s="100"/>
      <c r="AU222" s="100"/>
      <c r="AV222" s="100"/>
      <c r="AW222" s="103"/>
      <c r="AX222" s="100"/>
      <c r="AY222" s="100"/>
      <c r="AZ222" s="104"/>
      <c r="BA222" s="100"/>
      <c r="BB222" s="100"/>
      <c r="BC222" s="100"/>
      <c r="BD222" s="100"/>
      <c r="BG222" s="251"/>
      <c r="BH222" s="252"/>
      <c r="BI222" s="252"/>
      <c r="BJ222" s="253"/>
    </row>
    <row r="223" spans="4:62" ht="9.75" customHeight="1">
      <c r="D223" s="349"/>
      <c r="E223" s="350"/>
      <c r="F223" s="350"/>
      <c r="G223" s="351"/>
      <c r="H223" s="242"/>
      <c r="I223" s="243"/>
      <c r="J223" s="243"/>
      <c r="K223" s="243"/>
      <c r="L223" s="244"/>
      <c r="M223" s="22"/>
      <c r="N223" s="101"/>
      <c r="O223" s="102"/>
      <c r="P223" s="106"/>
      <c r="Q223" s="102"/>
      <c r="R223" s="102"/>
      <c r="S223" s="102"/>
      <c r="T223" s="106"/>
      <c r="U223" s="102"/>
      <c r="V223" s="102"/>
      <c r="W223" s="102"/>
      <c r="X223" s="106"/>
      <c r="Y223" s="102"/>
      <c r="Z223" s="102"/>
      <c r="AA223" s="102"/>
      <c r="AB223" s="106"/>
      <c r="AC223" s="102"/>
      <c r="AD223" s="102"/>
      <c r="AE223" s="102"/>
      <c r="AF223" s="106"/>
      <c r="AG223" s="102"/>
      <c r="AH223" s="102"/>
      <c r="AI223" s="102"/>
      <c r="AJ223" s="106"/>
      <c r="AK223" s="102"/>
      <c r="AL223" s="102"/>
      <c r="AM223" s="102"/>
      <c r="AN223" s="106"/>
      <c r="AO223" s="105"/>
      <c r="AP223" s="102"/>
      <c r="AQ223" s="102"/>
      <c r="AR223" s="106"/>
      <c r="AS223" s="102"/>
      <c r="AT223" s="102"/>
      <c r="AU223" s="102"/>
      <c r="AV223" s="102"/>
      <c r="AW223" s="105"/>
      <c r="AX223" s="102"/>
      <c r="AY223" s="102"/>
      <c r="AZ223" s="106"/>
      <c r="BA223" s="102"/>
      <c r="BB223" s="102"/>
      <c r="BC223" s="102"/>
      <c r="BD223" s="102"/>
      <c r="BG223" s="251"/>
      <c r="BH223" s="252"/>
      <c r="BI223" s="252"/>
      <c r="BJ223" s="253"/>
    </row>
    <row r="224" spans="4:62" ht="12" customHeight="1">
      <c r="D224" s="352"/>
      <c r="E224" s="353"/>
      <c r="F224" s="353"/>
      <c r="G224" s="354"/>
      <c r="H224" s="259"/>
      <c r="I224" s="260"/>
      <c r="J224" s="260"/>
      <c r="K224" s="260"/>
      <c r="L224" s="261"/>
      <c r="M224" s="47"/>
      <c r="N224" s="47"/>
      <c r="O224" s="179"/>
      <c r="P224" s="179"/>
      <c r="Q224" s="179"/>
      <c r="R224" s="179"/>
      <c r="S224" s="179"/>
      <c r="T224" s="179"/>
      <c r="U224" s="179"/>
      <c r="V224" s="179"/>
      <c r="W224" s="179"/>
      <c r="X224" s="179"/>
      <c r="Y224" s="179"/>
      <c r="Z224" s="179"/>
      <c r="AA224" s="179"/>
      <c r="AB224" s="179"/>
      <c r="AC224" s="179"/>
      <c r="AD224" s="179"/>
      <c r="AE224" s="179"/>
      <c r="AF224" s="179"/>
      <c r="AG224" s="179"/>
      <c r="AH224" s="179"/>
      <c r="AI224" s="179"/>
      <c r="AJ224" s="179"/>
      <c r="AK224" s="179"/>
      <c r="AL224" s="179"/>
      <c r="AM224" s="179"/>
      <c r="AN224" s="179"/>
      <c r="AO224" s="179"/>
      <c r="AP224" s="179"/>
      <c r="AQ224" s="179"/>
      <c r="AR224" s="179"/>
      <c r="AS224" s="179"/>
      <c r="AT224" s="179"/>
      <c r="AU224" s="179"/>
      <c r="AV224" s="179"/>
      <c r="AW224" s="179"/>
      <c r="AX224" s="179"/>
      <c r="AY224" s="179"/>
      <c r="AZ224" s="179"/>
      <c r="BA224" s="179"/>
      <c r="BB224" s="179"/>
      <c r="BC224" s="179"/>
      <c r="BD224" s="179"/>
      <c r="BE224" s="179"/>
      <c r="BF224" s="179"/>
      <c r="BG224" s="254"/>
      <c r="BH224" s="255"/>
      <c r="BI224" s="255"/>
      <c r="BJ224" s="256"/>
    </row>
    <row r="225" spans="4:73" ht="16.5" customHeight="1">
      <c r="D225" s="346"/>
      <c r="E225" s="347"/>
      <c r="F225" s="347"/>
      <c r="G225" s="348"/>
      <c r="H225" s="239" t="s">
        <v>125</v>
      </c>
      <c r="I225" s="240"/>
      <c r="J225" s="240"/>
      <c r="K225" s="240"/>
      <c r="L225" s="241"/>
      <c r="M225" s="180"/>
      <c r="N225" s="180"/>
      <c r="O225" s="180"/>
      <c r="P225" s="180"/>
      <c r="Q225" s="180"/>
      <c r="R225" s="180"/>
      <c r="S225" s="180"/>
      <c r="T225" s="180"/>
      <c r="U225" s="180"/>
      <c r="V225" s="180"/>
      <c r="W225" s="180"/>
      <c r="X225" s="180"/>
      <c r="Y225" s="180"/>
      <c r="Z225" s="180"/>
      <c r="AA225" s="180"/>
      <c r="AB225" s="180"/>
      <c r="AC225" s="180"/>
      <c r="AD225" s="180"/>
      <c r="AE225" s="180"/>
      <c r="AF225" s="180"/>
      <c r="AG225" s="180"/>
      <c r="AH225" s="180"/>
      <c r="AI225" s="180"/>
      <c r="AJ225" s="180"/>
      <c r="AK225" s="180"/>
      <c r="AL225" s="180"/>
      <c r="AM225" s="180"/>
      <c r="AN225" s="180"/>
      <c r="AO225" s="180"/>
      <c r="AP225" s="180"/>
      <c r="AQ225" s="180"/>
      <c r="AR225" s="180"/>
      <c r="AS225" s="180"/>
      <c r="AT225" s="180"/>
      <c r="AU225" s="180"/>
      <c r="AV225" s="180"/>
      <c r="AW225" s="180"/>
      <c r="AX225" s="180"/>
      <c r="AY225" s="180"/>
      <c r="AZ225" s="180"/>
      <c r="BA225" s="180"/>
      <c r="BB225" s="180"/>
      <c r="BC225" s="180"/>
      <c r="BD225" s="180"/>
      <c r="BE225" s="180"/>
      <c r="BF225" s="180"/>
      <c r="BG225" s="248"/>
      <c r="BH225" s="249"/>
      <c r="BI225" s="249"/>
      <c r="BJ225" s="250"/>
    </row>
    <row r="226" spans="4:73" ht="9.75" customHeight="1">
      <c r="D226" s="349"/>
      <c r="E226" s="350"/>
      <c r="F226" s="350"/>
      <c r="G226" s="351"/>
      <c r="H226" s="242"/>
      <c r="I226" s="243"/>
      <c r="J226" s="243"/>
      <c r="K226" s="243"/>
      <c r="L226" s="244"/>
      <c r="M226" s="22"/>
      <c r="N226" s="99"/>
      <c r="O226" s="100"/>
      <c r="P226" s="104"/>
      <c r="Q226" s="100"/>
      <c r="R226" s="100"/>
      <c r="S226" s="100"/>
      <c r="T226" s="104"/>
      <c r="U226" s="100"/>
      <c r="V226" s="100"/>
      <c r="W226" s="100"/>
      <c r="X226" s="104"/>
      <c r="Y226" s="100"/>
      <c r="Z226" s="100"/>
      <c r="AA226" s="100"/>
      <c r="AB226" s="104"/>
      <c r="AC226" s="100"/>
      <c r="AD226" s="100"/>
      <c r="AE226" s="100"/>
      <c r="AF226" s="104"/>
      <c r="AG226" s="100"/>
      <c r="AH226" s="100"/>
      <c r="AI226" s="100"/>
      <c r="AJ226" s="104"/>
      <c r="AK226" s="100"/>
      <c r="AL226" s="100"/>
      <c r="AM226" s="100"/>
      <c r="AN226" s="104"/>
      <c r="AO226" s="103"/>
      <c r="AP226" s="100"/>
      <c r="AQ226" s="100"/>
      <c r="AR226" s="104"/>
      <c r="AS226" s="100"/>
      <c r="AT226" s="100"/>
      <c r="AU226" s="100"/>
      <c r="AV226" s="100"/>
      <c r="AW226" s="103"/>
      <c r="AX226" s="100"/>
      <c r="AY226" s="100"/>
      <c r="AZ226" s="104"/>
      <c r="BA226" s="100"/>
      <c r="BB226" s="100"/>
      <c r="BC226" s="100"/>
      <c r="BD226" s="100"/>
      <c r="BF226" s="5"/>
      <c r="BG226" s="251"/>
      <c r="BH226" s="252"/>
      <c r="BI226" s="252"/>
      <c r="BJ226" s="253"/>
    </row>
    <row r="227" spans="4:73" ht="9.75" customHeight="1">
      <c r="D227" s="349"/>
      <c r="E227" s="350"/>
      <c r="F227" s="350"/>
      <c r="G227" s="351"/>
      <c r="H227" s="242"/>
      <c r="I227" s="243"/>
      <c r="J227" s="243"/>
      <c r="K227" s="243"/>
      <c r="L227" s="244"/>
      <c r="M227" s="22"/>
      <c r="N227" s="101"/>
      <c r="O227" s="102"/>
      <c r="P227" s="106"/>
      <c r="Q227" s="102"/>
      <c r="R227" s="102"/>
      <c r="S227" s="102"/>
      <c r="T227" s="106"/>
      <c r="U227" s="102"/>
      <c r="V227" s="102"/>
      <c r="W227" s="102"/>
      <c r="X227" s="106"/>
      <c r="Y227" s="102"/>
      <c r="Z227" s="102"/>
      <c r="AA227" s="102"/>
      <c r="AB227" s="106"/>
      <c r="AC227" s="102"/>
      <c r="AD227" s="102"/>
      <c r="AE227" s="102"/>
      <c r="AF227" s="106"/>
      <c r="AG227" s="102"/>
      <c r="AH227" s="102"/>
      <c r="AI227" s="102"/>
      <c r="AJ227" s="106"/>
      <c r="AK227" s="102"/>
      <c r="AL227" s="102"/>
      <c r="AM227" s="102"/>
      <c r="AN227" s="106"/>
      <c r="AO227" s="105"/>
      <c r="AP227" s="102"/>
      <c r="AQ227" s="102"/>
      <c r="AR227" s="106"/>
      <c r="AS227" s="102"/>
      <c r="AT227" s="102"/>
      <c r="AU227" s="102"/>
      <c r="AV227" s="102"/>
      <c r="AW227" s="105"/>
      <c r="AX227" s="102"/>
      <c r="AY227" s="102"/>
      <c r="AZ227" s="106"/>
      <c r="BA227" s="102"/>
      <c r="BB227" s="102"/>
      <c r="BC227" s="102"/>
      <c r="BD227" s="102"/>
      <c r="BF227" s="5"/>
      <c r="BG227" s="251"/>
      <c r="BH227" s="252"/>
      <c r="BI227" s="252"/>
      <c r="BJ227" s="253"/>
    </row>
    <row r="228" spans="4:73" ht="12" customHeight="1">
      <c r="D228" s="361"/>
      <c r="E228" s="362"/>
      <c r="F228" s="362"/>
      <c r="G228" s="363"/>
      <c r="H228" s="245"/>
      <c r="I228" s="246"/>
      <c r="J228" s="246"/>
      <c r="K228" s="246"/>
      <c r="L228" s="247"/>
      <c r="M228" s="33"/>
      <c r="N228" s="33"/>
      <c r="O228" s="194"/>
      <c r="P228" s="194"/>
      <c r="Q228" s="194"/>
      <c r="R228" s="194"/>
      <c r="S228" s="194"/>
      <c r="T228" s="194"/>
      <c r="U228" s="194"/>
      <c r="V228" s="194"/>
      <c r="W228" s="194"/>
      <c r="X228" s="194"/>
      <c r="Y228" s="194"/>
      <c r="Z228" s="194"/>
      <c r="AA228" s="194"/>
      <c r="AB228" s="194"/>
      <c r="AC228" s="194"/>
      <c r="AD228" s="194"/>
      <c r="AE228" s="194"/>
      <c r="AF228" s="194"/>
      <c r="AG228" s="194"/>
      <c r="AH228" s="194"/>
      <c r="AI228" s="194"/>
      <c r="AJ228" s="194"/>
      <c r="AK228" s="194"/>
      <c r="AL228" s="194"/>
      <c r="AM228" s="194"/>
      <c r="AN228" s="194"/>
      <c r="AO228" s="194"/>
      <c r="AP228" s="194"/>
      <c r="AQ228" s="194"/>
      <c r="AR228" s="194"/>
      <c r="AS228" s="194"/>
      <c r="AT228" s="194"/>
      <c r="AU228" s="194"/>
      <c r="AV228" s="194"/>
      <c r="AW228" s="194"/>
      <c r="AX228" s="194"/>
      <c r="AY228" s="194"/>
      <c r="AZ228" s="194"/>
      <c r="BA228" s="194"/>
      <c r="BB228" s="194"/>
      <c r="BC228" s="194"/>
      <c r="BD228" s="194"/>
      <c r="BE228" s="194"/>
      <c r="BF228" s="195"/>
      <c r="BG228" s="254"/>
      <c r="BH228" s="255"/>
      <c r="BI228" s="255"/>
      <c r="BJ228" s="256"/>
    </row>
    <row r="229" spans="4:73" ht="15.75" customHeight="1">
      <c r="D229" s="109"/>
      <c r="E229" s="198" t="s">
        <v>129</v>
      </c>
      <c r="AW229" s="331" t="s">
        <v>130</v>
      </c>
      <c r="AX229" s="207"/>
      <c r="AY229" s="207"/>
      <c r="AZ229" s="207"/>
      <c r="BA229" s="207"/>
      <c r="BB229" s="207"/>
      <c r="BC229" s="207"/>
      <c r="BD229" s="207"/>
      <c r="BE229" s="207"/>
      <c r="BF229" s="328"/>
      <c r="BG229" s="331"/>
      <c r="BH229" s="207"/>
      <c r="BI229" s="207"/>
      <c r="BJ229" s="328"/>
    </row>
    <row r="230" spans="4:73" ht="15.75" customHeight="1">
      <c r="D230" s="109"/>
      <c r="F230" s="198" t="s">
        <v>130</v>
      </c>
      <c r="AW230" s="326"/>
      <c r="AX230" s="208"/>
      <c r="AY230" s="208"/>
      <c r="AZ230" s="208"/>
      <c r="BA230" s="208"/>
      <c r="BB230" s="208"/>
      <c r="BC230" s="208"/>
      <c r="BD230" s="208"/>
      <c r="BE230" s="208"/>
      <c r="BF230" s="327"/>
      <c r="BG230" s="326"/>
      <c r="BH230" s="208"/>
      <c r="BI230" s="208"/>
      <c r="BJ230" s="327"/>
    </row>
    <row r="231" spans="4:73" ht="20.100000000000001" customHeight="1">
      <c r="D231" s="65"/>
      <c r="E231" s="130" t="s">
        <v>69</v>
      </c>
      <c r="F231" s="194"/>
      <c r="G231" s="208"/>
      <c r="H231" s="208"/>
      <c r="I231" s="208"/>
      <c r="J231" s="208"/>
      <c r="K231" s="208"/>
      <c r="L231" s="208"/>
      <c r="M231" s="194" t="s">
        <v>131</v>
      </c>
      <c r="N231" s="194"/>
      <c r="O231" s="194"/>
      <c r="P231" s="194"/>
      <c r="Q231" s="194"/>
      <c r="R231" s="194"/>
      <c r="S231" s="194"/>
      <c r="T231" s="194" t="s">
        <v>132</v>
      </c>
      <c r="U231" s="194"/>
      <c r="V231" s="194"/>
      <c r="W231" s="194"/>
      <c r="X231" s="194"/>
      <c r="Y231" s="194" t="s">
        <v>128</v>
      </c>
      <c r="Z231" s="194"/>
      <c r="AA231" s="194"/>
      <c r="AB231" s="194"/>
      <c r="AC231" s="194"/>
      <c r="AD231" s="194"/>
      <c r="AE231" s="194"/>
      <c r="AF231" s="194"/>
      <c r="AG231" s="194" t="s">
        <v>133</v>
      </c>
      <c r="AH231" s="194"/>
      <c r="AI231" s="194"/>
      <c r="AJ231" s="194"/>
      <c r="AK231" s="130" t="s">
        <v>69</v>
      </c>
      <c r="AL231" s="194"/>
      <c r="AM231" s="208"/>
      <c r="AN231" s="208"/>
      <c r="AO231" s="208"/>
      <c r="AP231" s="208"/>
      <c r="AQ231" s="208"/>
      <c r="AR231" s="208"/>
      <c r="AS231" s="194" t="s">
        <v>134</v>
      </c>
      <c r="AT231" s="194"/>
      <c r="AU231" s="194"/>
      <c r="AV231" s="194"/>
      <c r="AW231" s="194"/>
      <c r="AX231" s="194"/>
      <c r="AY231" s="194"/>
      <c r="AZ231" s="194"/>
      <c r="BA231" s="194"/>
      <c r="BB231" s="194"/>
      <c r="BC231" s="194"/>
      <c r="BD231" s="194"/>
      <c r="BE231" s="194"/>
      <c r="BF231" s="194"/>
      <c r="BG231" s="194"/>
      <c r="BH231" s="194"/>
      <c r="BI231" s="194"/>
      <c r="BJ231" s="195"/>
    </row>
    <row r="232" spans="4:73" ht="16.5" customHeight="1">
      <c r="D232" s="49" t="s">
        <v>135</v>
      </c>
      <c r="E232" s="45"/>
      <c r="F232" s="257" t="s">
        <v>262</v>
      </c>
      <c r="G232" s="257"/>
      <c r="H232" s="257"/>
      <c r="I232" s="257"/>
      <c r="J232" s="257"/>
      <c r="K232" s="257"/>
      <c r="L232" s="257"/>
      <c r="M232" s="257"/>
      <c r="N232" s="257"/>
      <c r="O232" s="257"/>
      <c r="P232" s="257"/>
      <c r="Q232" s="257"/>
      <c r="R232" s="257"/>
      <c r="S232" s="257"/>
      <c r="T232" s="257"/>
      <c r="U232" s="257"/>
      <c r="V232" s="257"/>
      <c r="W232" s="257"/>
      <c r="X232" s="257"/>
      <c r="Y232" s="257"/>
      <c r="Z232" s="257"/>
      <c r="AA232" s="257"/>
      <c r="AB232" s="257"/>
      <c r="AC232" s="257"/>
      <c r="AD232" s="257"/>
      <c r="AE232" s="257"/>
      <c r="AF232" s="257"/>
      <c r="AG232" s="257"/>
      <c r="AH232" s="257"/>
      <c r="AI232" s="257"/>
      <c r="AJ232" s="257"/>
      <c r="AK232" s="257"/>
      <c r="AL232" s="257"/>
      <c r="AM232" s="257"/>
      <c r="AN232" s="257"/>
      <c r="AO232" s="257"/>
      <c r="AP232" s="257"/>
      <c r="AQ232" s="257"/>
      <c r="AR232" s="257"/>
      <c r="AS232" s="257"/>
      <c r="AT232" s="257"/>
      <c r="AU232" s="257"/>
      <c r="AV232" s="257"/>
      <c r="AW232" s="257"/>
      <c r="AX232" s="257"/>
      <c r="AY232" s="257"/>
      <c r="AZ232" s="257"/>
      <c r="BA232" s="257"/>
      <c r="BB232" s="257"/>
      <c r="BC232" s="257"/>
      <c r="BD232" s="257"/>
      <c r="BE232" s="257"/>
      <c r="BF232" s="257"/>
      <c r="BG232" s="257"/>
      <c r="BH232" s="257"/>
      <c r="BI232" s="257"/>
      <c r="BJ232" s="257"/>
    </row>
    <row r="233" spans="4:73" ht="16.5" customHeight="1">
      <c r="D233" s="22"/>
      <c r="E233" s="22"/>
      <c r="F233" s="258"/>
      <c r="G233" s="258"/>
      <c r="H233" s="258"/>
      <c r="I233" s="258"/>
      <c r="J233" s="258"/>
      <c r="K233" s="258"/>
      <c r="L233" s="258"/>
      <c r="M233" s="258"/>
      <c r="N233" s="258"/>
      <c r="O233" s="258"/>
      <c r="P233" s="258"/>
      <c r="Q233" s="258"/>
      <c r="R233" s="258"/>
      <c r="S233" s="258"/>
      <c r="T233" s="258"/>
      <c r="U233" s="258"/>
      <c r="V233" s="258"/>
      <c r="W233" s="258"/>
      <c r="X233" s="258"/>
      <c r="Y233" s="258"/>
      <c r="Z233" s="258"/>
      <c r="AA233" s="258"/>
      <c r="AB233" s="258"/>
      <c r="AC233" s="258"/>
      <c r="AD233" s="258"/>
      <c r="AE233" s="258"/>
      <c r="AF233" s="258"/>
      <c r="AG233" s="258"/>
      <c r="AH233" s="258"/>
      <c r="AI233" s="258"/>
      <c r="AJ233" s="258"/>
      <c r="AK233" s="258"/>
      <c r="AL233" s="258"/>
      <c r="AM233" s="258"/>
      <c r="AN233" s="258"/>
      <c r="AO233" s="258"/>
      <c r="AP233" s="258"/>
      <c r="AQ233" s="258"/>
      <c r="AR233" s="258"/>
      <c r="AS233" s="258"/>
      <c r="AT233" s="258"/>
      <c r="AU233" s="258"/>
      <c r="AV233" s="258"/>
      <c r="AW233" s="258"/>
      <c r="AX233" s="258"/>
      <c r="AY233" s="258"/>
      <c r="AZ233" s="258"/>
      <c r="BA233" s="258"/>
      <c r="BB233" s="258"/>
      <c r="BC233" s="258"/>
      <c r="BD233" s="258"/>
      <c r="BE233" s="258"/>
      <c r="BF233" s="258"/>
      <c r="BG233" s="258"/>
      <c r="BH233" s="258"/>
      <c r="BI233" s="258"/>
      <c r="BJ233" s="258"/>
    </row>
    <row r="234" spans="4:73" ht="17.25" customHeight="1">
      <c r="D234" s="66"/>
      <c r="E234" s="66"/>
      <c r="F234" s="194"/>
      <c r="AO234" s="194"/>
      <c r="AP234" s="194"/>
      <c r="AQ234" s="18"/>
      <c r="AR234" s="18"/>
      <c r="AS234" s="18"/>
      <c r="AT234" s="18"/>
      <c r="AU234" s="18"/>
      <c r="AV234" s="194"/>
      <c r="AW234" s="194"/>
      <c r="AX234" s="194"/>
      <c r="AY234" s="194"/>
      <c r="AZ234" s="194"/>
      <c r="BA234" s="194"/>
      <c r="BB234" s="18"/>
      <c r="BC234" s="194"/>
      <c r="BD234" s="194"/>
      <c r="BE234" s="18"/>
      <c r="BF234" s="18"/>
      <c r="BG234" s="18"/>
      <c r="BH234" s="18"/>
      <c r="BI234" s="18"/>
      <c r="BJ234" s="194"/>
      <c r="BL234" s="67"/>
      <c r="BM234" s="67"/>
      <c r="BN234" s="67"/>
      <c r="BO234" s="67"/>
      <c r="BR234" s="67"/>
      <c r="BS234" s="67"/>
      <c r="BT234" s="67"/>
      <c r="BU234" s="67"/>
    </row>
    <row r="235" spans="4:73" ht="24.75" customHeight="1">
      <c r="D235" s="193" t="s">
        <v>5</v>
      </c>
      <c r="E235" s="208" t="s">
        <v>249</v>
      </c>
      <c r="F235" s="208"/>
      <c r="G235" s="343" t="s">
        <v>155</v>
      </c>
      <c r="H235" s="343"/>
      <c r="I235" s="343"/>
      <c r="J235" s="343"/>
      <c r="K235" s="343"/>
      <c r="L235" s="343"/>
      <c r="M235" s="343"/>
      <c r="N235" s="343"/>
      <c r="O235" s="343"/>
      <c r="P235" s="343"/>
      <c r="Q235" s="343"/>
      <c r="R235" s="343"/>
      <c r="S235" s="343"/>
      <c r="T235" s="343"/>
      <c r="U235" s="343"/>
      <c r="V235" s="343"/>
      <c r="W235" s="343"/>
      <c r="X235" s="343"/>
      <c r="Y235" s="343"/>
      <c r="Z235" s="27"/>
      <c r="AA235" s="26"/>
      <c r="AB235" s="262" t="s">
        <v>23</v>
      </c>
      <c r="AC235" s="262"/>
      <c r="AD235" s="26"/>
      <c r="AE235" s="26"/>
      <c r="AF235" s="262" t="s">
        <v>382</v>
      </c>
      <c r="AG235" s="262"/>
      <c r="AH235" s="26"/>
      <c r="AI235" s="26"/>
      <c r="AJ235" s="26"/>
      <c r="AK235" s="26"/>
      <c r="AL235" s="26"/>
      <c r="AM235" s="26"/>
      <c r="AN235" s="26"/>
      <c r="AO235" s="26"/>
      <c r="AP235" s="26"/>
      <c r="AQ235" s="26"/>
      <c r="AR235" s="26"/>
      <c r="AS235" s="26"/>
      <c r="AT235" s="26"/>
      <c r="AU235" s="26"/>
      <c r="AV235" s="26"/>
      <c r="AW235" s="26"/>
      <c r="AX235" s="26"/>
      <c r="AY235" s="26"/>
      <c r="AZ235" s="26"/>
      <c r="BA235" s="26"/>
      <c r="BB235" s="26"/>
      <c r="BC235" s="26"/>
      <c r="BD235" s="26"/>
      <c r="BE235" s="26"/>
      <c r="BF235" s="26"/>
      <c r="BG235" s="26"/>
      <c r="BH235" s="26"/>
      <c r="BI235" s="26"/>
      <c r="BJ235" s="26"/>
      <c r="BK235" s="94"/>
      <c r="BL235" s="95"/>
      <c r="BM235" s="166"/>
      <c r="BN235" s="166"/>
      <c r="BQ235" s="67"/>
      <c r="BR235" s="67"/>
      <c r="BS235" s="67"/>
      <c r="BT235" s="67"/>
    </row>
    <row r="236" spans="4:73" ht="24.75" customHeight="1">
      <c r="D236" s="193" t="s">
        <v>5</v>
      </c>
      <c r="E236" s="208" t="s">
        <v>250</v>
      </c>
      <c r="F236" s="208"/>
      <c r="G236" s="343" t="s">
        <v>156</v>
      </c>
      <c r="H236" s="343"/>
      <c r="I236" s="343"/>
      <c r="J236" s="343"/>
      <c r="K236" s="343"/>
      <c r="L236" s="343"/>
      <c r="M236" s="343"/>
      <c r="N236" s="343"/>
      <c r="O236" s="343"/>
      <c r="P236" s="343"/>
      <c r="Q236" s="343"/>
      <c r="R236" s="343"/>
      <c r="S236" s="343"/>
      <c r="T236" s="343"/>
      <c r="U236" s="343"/>
      <c r="V236" s="343"/>
      <c r="W236" s="343"/>
      <c r="X236" s="343"/>
      <c r="Y236" s="343"/>
      <c r="Z236" s="27"/>
      <c r="AA236" s="26"/>
      <c r="AB236" s="262" t="s">
        <v>157</v>
      </c>
      <c r="AC236" s="262"/>
      <c r="AD236" s="262"/>
      <c r="AE236" s="262"/>
      <c r="AF236" s="262"/>
      <c r="AG236" s="262"/>
      <c r="AH236" s="262"/>
      <c r="AI236" s="262"/>
      <c r="AJ236" s="262"/>
      <c r="AK236" s="262"/>
      <c r="AL236" s="262"/>
      <c r="AM236" s="262" t="s">
        <v>158</v>
      </c>
      <c r="AN236" s="262"/>
      <c r="AO236" s="262"/>
      <c r="AP236" s="170"/>
      <c r="AQ236" s="170"/>
      <c r="AR236" s="26"/>
      <c r="AS236" s="26"/>
      <c r="AT236" s="262" t="s">
        <v>159</v>
      </c>
      <c r="AU236" s="262"/>
      <c r="AV236" s="262"/>
      <c r="AW236" s="262"/>
      <c r="AX236" s="262"/>
      <c r="AY236" s="262"/>
      <c r="AZ236" s="262"/>
      <c r="BA236" s="262"/>
      <c r="BB236" s="262"/>
      <c r="BC236" s="262" t="s">
        <v>158</v>
      </c>
      <c r="BD236" s="262"/>
      <c r="BE236" s="262"/>
      <c r="BF236" s="26"/>
      <c r="BG236" s="26"/>
      <c r="BH236" s="26"/>
      <c r="BI236" s="26"/>
      <c r="BJ236" s="26"/>
      <c r="BK236" s="4"/>
    </row>
    <row r="237" spans="4:73" ht="16.5" customHeight="1">
      <c r="D237" s="26"/>
      <c r="E237" s="155"/>
      <c r="F237" s="155"/>
      <c r="G237" s="167"/>
      <c r="H237" s="167"/>
      <c r="I237" s="167"/>
      <c r="J237" s="167"/>
      <c r="K237" s="167"/>
      <c r="L237" s="167"/>
      <c r="M237" s="167"/>
      <c r="N237" s="167"/>
      <c r="O237" s="167"/>
      <c r="P237" s="167"/>
      <c r="Q237" s="167"/>
      <c r="R237" s="167"/>
      <c r="S237" s="167"/>
      <c r="T237" s="167"/>
      <c r="U237" s="167"/>
      <c r="V237" s="167"/>
      <c r="W237" s="167"/>
      <c r="X237" s="167"/>
      <c r="Y237" s="167"/>
      <c r="Z237" s="26"/>
      <c r="AA237" s="26"/>
      <c r="AB237" s="26"/>
      <c r="AC237" s="26"/>
      <c r="AD237" s="26"/>
      <c r="AE237" s="26"/>
      <c r="AF237" s="26"/>
      <c r="AG237" s="26"/>
      <c r="AH237" s="26"/>
      <c r="AI237" s="26"/>
      <c r="AJ237" s="155"/>
      <c r="AK237" s="155"/>
      <c r="AL237" s="155"/>
      <c r="AM237" s="26"/>
      <c r="AN237" s="96"/>
      <c r="AO237" s="97"/>
      <c r="AP237" s="170"/>
      <c r="AQ237" s="170"/>
      <c r="AR237" s="26"/>
      <c r="AS237" s="26"/>
      <c r="AT237" s="26"/>
      <c r="AU237" s="26"/>
      <c r="AV237" s="26"/>
      <c r="AW237" s="26"/>
      <c r="AX237" s="26"/>
      <c r="AY237" s="26"/>
      <c r="AZ237" s="155"/>
      <c r="BA237" s="155"/>
      <c r="BB237" s="155"/>
      <c r="BC237" s="26"/>
      <c r="BD237" s="96"/>
      <c r="BE237" s="97"/>
      <c r="BF237" s="26"/>
      <c r="BG237" s="26"/>
      <c r="BH237" s="26"/>
      <c r="BI237" s="26"/>
      <c r="BJ237" s="26"/>
    </row>
    <row r="238" spans="4:73" ht="24" customHeight="1">
      <c r="D238" s="193"/>
      <c r="E238" s="208" t="s">
        <v>279</v>
      </c>
      <c r="F238" s="208"/>
      <c r="G238" s="194"/>
      <c r="H238" s="194" t="s">
        <v>184</v>
      </c>
      <c r="I238" s="194"/>
      <c r="J238" s="194"/>
      <c r="K238" s="194"/>
      <c r="L238" s="194"/>
      <c r="M238" s="18"/>
      <c r="N238" s="18"/>
      <c r="O238" s="18"/>
      <c r="P238" s="18"/>
      <c r="Q238" s="18"/>
      <c r="R238" s="18"/>
      <c r="S238" s="18"/>
      <c r="T238" s="18"/>
      <c r="U238" s="18"/>
      <c r="V238" s="18"/>
      <c r="W238" s="18"/>
      <c r="X238" s="18"/>
      <c r="Y238" s="18"/>
      <c r="Z238" s="18"/>
      <c r="AA238" s="18"/>
      <c r="AB238" s="18"/>
      <c r="AC238" s="18"/>
      <c r="AD238" s="18"/>
      <c r="AE238" s="18"/>
      <c r="AF238" s="18"/>
      <c r="AG238" s="18"/>
      <c r="AH238" s="18"/>
      <c r="AI238" s="18"/>
      <c r="AJ238" s="18"/>
      <c r="AK238" s="18"/>
      <c r="AL238" s="18"/>
      <c r="AM238" s="18"/>
      <c r="AN238" s="194"/>
      <c r="AO238" s="194"/>
      <c r="AP238" s="194"/>
      <c r="AQ238" s="194"/>
      <c r="AR238" s="194"/>
      <c r="AV238" s="194"/>
      <c r="AW238" s="194"/>
      <c r="AX238" s="194"/>
      <c r="BA238" s="194"/>
      <c r="BB238" s="194"/>
      <c r="BC238" s="194"/>
      <c r="BD238" s="146"/>
      <c r="BF238" s="194"/>
      <c r="BG238" s="194"/>
      <c r="BH238" s="194"/>
      <c r="BK238" s="4"/>
      <c r="BM238" s="67"/>
      <c r="BN238" s="67"/>
      <c r="BQ238" s="67"/>
      <c r="BR238" s="67"/>
      <c r="BS238" s="67"/>
      <c r="BT238" s="67"/>
    </row>
    <row r="239" spans="4:73" ht="20.100000000000001" customHeight="1">
      <c r="D239" s="284" t="s">
        <v>216</v>
      </c>
      <c r="E239" s="262"/>
      <c r="F239" s="262"/>
      <c r="G239" s="262"/>
      <c r="H239" s="262"/>
      <c r="I239" s="262"/>
      <c r="J239" s="262"/>
      <c r="K239" s="262"/>
      <c r="L239" s="262"/>
      <c r="M239" s="262"/>
      <c r="N239" s="285"/>
      <c r="O239" s="284" t="s">
        <v>227</v>
      </c>
      <c r="P239" s="262"/>
      <c r="Q239" s="262"/>
      <c r="R239" s="262"/>
      <c r="S239" s="262"/>
      <c r="T239" s="262"/>
      <c r="U239" s="262"/>
      <c r="V239" s="262"/>
      <c r="W239" s="262"/>
      <c r="X239" s="262"/>
      <c r="Y239" s="262"/>
      <c r="Z239" s="262"/>
      <c r="AA239" s="262"/>
      <c r="AB239" s="262"/>
      <c r="AC239" s="262"/>
      <c r="AD239" s="262"/>
      <c r="AE239" s="300" t="s">
        <v>228</v>
      </c>
      <c r="AF239" s="301"/>
      <c r="AG239" s="301"/>
      <c r="AH239" s="301"/>
      <c r="AI239" s="301"/>
      <c r="AJ239" s="301"/>
      <c r="AK239" s="301"/>
      <c r="AL239" s="301"/>
      <c r="AM239" s="301"/>
      <c r="AN239" s="301"/>
      <c r="AO239" s="301"/>
      <c r="AP239" s="301"/>
      <c r="AQ239" s="301"/>
      <c r="AR239" s="301"/>
      <c r="AS239" s="301"/>
      <c r="AT239" s="301"/>
      <c r="AU239" s="284" t="s">
        <v>229</v>
      </c>
      <c r="AV239" s="262"/>
      <c r="AW239" s="262"/>
      <c r="AX239" s="262"/>
      <c r="AY239" s="262"/>
      <c r="AZ239" s="262"/>
      <c r="BA239" s="262"/>
      <c r="BB239" s="262"/>
      <c r="BC239" s="262"/>
      <c r="BD239" s="262"/>
      <c r="BE239" s="262"/>
      <c r="BF239" s="262"/>
      <c r="BG239" s="262"/>
      <c r="BH239" s="262"/>
      <c r="BI239" s="262"/>
      <c r="BJ239" s="285"/>
      <c r="BK239" s="4"/>
    </row>
    <row r="240" spans="4:73" ht="16.5" customHeight="1">
      <c r="D240" s="305" t="s">
        <v>217</v>
      </c>
      <c r="E240" s="307"/>
      <c r="F240" s="163"/>
      <c r="G240" s="206"/>
      <c r="H240" s="206"/>
      <c r="I240" s="206"/>
      <c r="J240" s="206"/>
      <c r="K240" s="206"/>
      <c r="L240" s="206" t="s">
        <v>68</v>
      </c>
      <c r="M240" s="206"/>
      <c r="N240" s="158"/>
      <c r="O240" s="163"/>
      <c r="P240" s="145"/>
      <c r="Q240" s="145"/>
      <c r="R240" s="145"/>
      <c r="S240" s="145"/>
      <c r="T240" s="206"/>
      <c r="U240" s="206"/>
      <c r="V240" s="206"/>
      <c r="W240" s="206"/>
      <c r="X240" s="206"/>
      <c r="Y240" s="206"/>
      <c r="Z240" s="206"/>
      <c r="AA240" s="145" t="s">
        <v>68</v>
      </c>
      <c r="AB240" s="145"/>
      <c r="AC240" s="145"/>
      <c r="AD240" s="145"/>
      <c r="AE240" s="112"/>
      <c r="AF240" s="202"/>
      <c r="AG240" s="202"/>
      <c r="AH240" s="145"/>
      <c r="AI240" s="206"/>
      <c r="AJ240" s="206"/>
      <c r="AK240" s="206"/>
      <c r="AL240" s="206"/>
      <c r="AM240" s="206"/>
      <c r="AN240" s="206"/>
      <c r="AO240" s="206"/>
      <c r="AP240" s="206" t="s">
        <v>68</v>
      </c>
      <c r="AQ240" s="206"/>
      <c r="AR240" s="202"/>
      <c r="AS240" s="202"/>
      <c r="AT240" s="202"/>
      <c r="AU240" s="1"/>
      <c r="AV240" s="197"/>
      <c r="AW240" s="197"/>
      <c r="AX240" s="145"/>
      <c r="AY240" s="206"/>
      <c r="AZ240" s="206"/>
      <c r="BA240" s="206"/>
      <c r="BB240" s="206"/>
      <c r="BC240" s="206"/>
      <c r="BD240" s="206"/>
      <c r="BE240" s="206"/>
      <c r="BF240" s="206" t="s">
        <v>68</v>
      </c>
      <c r="BG240" s="206"/>
      <c r="BH240" s="197"/>
      <c r="BI240" s="197"/>
      <c r="BJ240" s="2"/>
      <c r="BK240" s="4"/>
    </row>
    <row r="241" spans="4:70" ht="16.5" customHeight="1">
      <c r="D241" s="308"/>
      <c r="E241" s="310"/>
      <c r="F241" s="263" t="s">
        <v>230</v>
      </c>
      <c r="G241" s="231"/>
      <c r="H241" s="231"/>
      <c r="I241" s="231"/>
      <c r="J241" s="231"/>
      <c r="K241" s="231" t="s">
        <v>231</v>
      </c>
      <c r="L241" s="231"/>
      <c r="M241" s="231" t="s">
        <v>68</v>
      </c>
      <c r="N241" s="264"/>
      <c r="O241" s="156"/>
      <c r="P241" s="154"/>
      <c r="Q241" s="154"/>
      <c r="R241" s="154"/>
      <c r="S241" s="231" t="s">
        <v>232</v>
      </c>
      <c r="T241" s="231"/>
      <c r="U241" s="231"/>
      <c r="V241" s="231"/>
      <c r="W241" s="231"/>
      <c r="X241" s="231"/>
      <c r="Y241" s="231"/>
      <c r="Z241" s="231" t="s">
        <v>233</v>
      </c>
      <c r="AA241" s="231"/>
      <c r="AB241" s="231" t="s">
        <v>68</v>
      </c>
      <c r="AC241" s="231"/>
      <c r="AD241" s="154"/>
      <c r="AE241" s="86"/>
      <c r="AF241" s="87"/>
      <c r="AG241" s="87"/>
      <c r="AH241" s="231" t="s">
        <v>34</v>
      </c>
      <c r="AI241" s="231"/>
      <c r="AJ241" s="231"/>
      <c r="AK241" s="231"/>
      <c r="AL241" s="231"/>
      <c r="AM241" s="231"/>
      <c r="AN241" s="231"/>
      <c r="AO241" s="231" t="s">
        <v>26</v>
      </c>
      <c r="AP241" s="231"/>
      <c r="AQ241" s="231" t="s">
        <v>68</v>
      </c>
      <c r="AR241" s="231"/>
      <c r="AS241" s="87"/>
      <c r="AT241" s="87"/>
      <c r="AU241" s="186"/>
      <c r="AV241" s="187"/>
      <c r="AW241" s="187"/>
      <c r="AX241" s="231" t="s">
        <v>234</v>
      </c>
      <c r="AY241" s="231"/>
      <c r="AZ241" s="231"/>
      <c r="BA241" s="231"/>
      <c r="BB241" s="231"/>
      <c r="BC241" s="231"/>
      <c r="BD241" s="231"/>
      <c r="BE241" s="231" t="s">
        <v>235</v>
      </c>
      <c r="BF241" s="231"/>
      <c r="BG241" s="231" t="s">
        <v>68</v>
      </c>
      <c r="BH241" s="231"/>
      <c r="BI241" s="187"/>
      <c r="BJ241" s="88"/>
      <c r="BK241" s="4"/>
    </row>
    <row r="242" spans="4:70" ht="20.100000000000001" customHeight="1">
      <c r="D242" s="308"/>
      <c r="E242" s="310"/>
      <c r="F242" s="89" t="s">
        <v>218</v>
      </c>
      <c r="G242" s="188"/>
      <c r="H242" s="188"/>
      <c r="I242" s="188"/>
      <c r="J242" s="188"/>
      <c r="K242" s="188"/>
      <c r="L242" s="188"/>
      <c r="M242" s="188"/>
      <c r="N242" s="188"/>
      <c r="O242" s="188"/>
      <c r="P242" s="188"/>
      <c r="Q242" s="188"/>
      <c r="R242" s="188"/>
      <c r="S242" s="188"/>
      <c r="T242" s="188"/>
      <c r="U242" s="188"/>
      <c r="V242" s="188"/>
      <c r="W242" s="188"/>
      <c r="X242" s="188"/>
      <c r="Y242" s="188"/>
      <c r="Z242" s="188"/>
      <c r="AA242" s="188"/>
      <c r="AB242" s="188"/>
      <c r="AC242" s="188"/>
      <c r="AD242" s="188"/>
      <c r="AE242" s="90"/>
      <c r="AF242" s="90"/>
      <c r="AG242" s="90"/>
      <c r="AH242" s="188"/>
      <c r="AI242" s="188"/>
      <c r="AJ242" s="188"/>
      <c r="AK242" s="188"/>
      <c r="AL242" s="188"/>
      <c r="AM242" s="188"/>
      <c r="AN242" s="188"/>
      <c r="AO242" s="188"/>
      <c r="AP242" s="188"/>
      <c r="AQ242" s="188"/>
      <c r="AR242" s="90"/>
      <c r="AS242" s="90"/>
      <c r="AT242" s="90"/>
      <c r="AU242" s="91"/>
      <c r="AV242" s="91"/>
      <c r="AW242" s="91"/>
      <c r="AX242" s="188"/>
      <c r="AY242" s="188"/>
      <c r="AZ242" s="188"/>
      <c r="BA242" s="188"/>
      <c r="BB242" s="188"/>
      <c r="BC242" s="188"/>
      <c r="BD242" s="188"/>
      <c r="BE242" s="188"/>
      <c r="BF242" s="188"/>
      <c r="BG242" s="188"/>
      <c r="BH242" s="91"/>
      <c r="BI242" s="91"/>
      <c r="BJ242" s="92"/>
      <c r="BK242" s="4"/>
    </row>
    <row r="243" spans="4:70" ht="20.100000000000001" customHeight="1">
      <c r="D243" s="308"/>
      <c r="E243" s="310"/>
      <c r="F243" s="302" t="s">
        <v>0</v>
      </c>
      <c r="G243" s="302"/>
      <c r="H243" s="302"/>
      <c r="I243" s="303"/>
      <c r="J243" s="329" t="s">
        <v>219</v>
      </c>
      <c r="K243" s="302"/>
      <c r="L243" s="302"/>
      <c r="M243" s="302"/>
      <c r="N243" s="302"/>
      <c r="O243" s="212" t="s">
        <v>0</v>
      </c>
      <c r="P243" s="213"/>
      <c r="Q243" s="70"/>
      <c r="R243" s="70"/>
      <c r="S243" s="214"/>
      <c r="T243" s="214"/>
      <c r="U243" s="215" t="s">
        <v>380</v>
      </c>
      <c r="V243" s="215"/>
      <c r="W243" s="216" t="s">
        <v>219</v>
      </c>
      <c r="X243" s="213"/>
      <c r="Y243" s="213"/>
      <c r="Z243" s="69"/>
      <c r="AA243" s="215"/>
      <c r="AB243" s="215"/>
      <c r="AC243" s="215" t="s">
        <v>380</v>
      </c>
      <c r="AD243" s="215"/>
      <c r="AE243" s="212" t="s">
        <v>0</v>
      </c>
      <c r="AF243" s="213"/>
      <c r="AG243" s="70"/>
      <c r="AH243" s="70"/>
      <c r="AI243" s="214"/>
      <c r="AJ243" s="214"/>
      <c r="AK243" s="214" t="s">
        <v>380</v>
      </c>
      <c r="AL243" s="238"/>
      <c r="AM243" s="213" t="s">
        <v>219</v>
      </c>
      <c r="AN243" s="213"/>
      <c r="AO243" s="213"/>
      <c r="AP243" s="70"/>
      <c r="AQ243" s="215"/>
      <c r="AR243" s="215"/>
      <c r="AS243" s="215" t="s">
        <v>380</v>
      </c>
      <c r="AT243" s="215"/>
      <c r="AU243" s="212" t="s">
        <v>0</v>
      </c>
      <c r="AV243" s="213"/>
      <c r="AW243" s="70"/>
      <c r="AX243" s="70"/>
      <c r="AY243" s="215"/>
      <c r="AZ243" s="215"/>
      <c r="BA243" s="215" t="s">
        <v>380</v>
      </c>
      <c r="BB243" s="215"/>
      <c r="BC243" s="216" t="s">
        <v>219</v>
      </c>
      <c r="BD243" s="213"/>
      <c r="BE243" s="213"/>
      <c r="BF243" s="69"/>
      <c r="BG243" s="215"/>
      <c r="BH243" s="215"/>
      <c r="BI243" s="215" t="s">
        <v>380</v>
      </c>
      <c r="BJ243" s="215"/>
      <c r="BK243" s="28"/>
      <c r="BL243" s="67"/>
      <c r="BM243" s="67"/>
      <c r="BN243" s="67"/>
      <c r="BO243" s="67"/>
      <c r="BP243" s="67"/>
    </row>
    <row r="244" spans="4:70" ht="20.100000000000001" customHeight="1">
      <c r="D244" s="308"/>
      <c r="E244" s="310"/>
      <c r="F244" s="232" t="s">
        <v>220</v>
      </c>
      <c r="G244" s="233"/>
      <c r="H244" s="233"/>
      <c r="I244" s="233"/>
      <c r="J244" s="233"/>
      <c r="K244" s="233"/>
      <c r="L244" s="233"/>
      <c r="M244" s="233"/>
      <c r="N244" s="234"/>
      <c r="O244" s="235" t="s">
        <v>221</v>
      </c>
      <c r="P244" s="236"/>
      <c r="Q244" s="236"/>
      <c r="R244" s="71"/>
      <c r="S244" s="220"/>
      <c r="T244" s="220"/>
      <c r="U244" s="215" t="s">
        <v>380</v>
      </c>
      <c r="V244" s="215"/>
      <c r="W244" s="235" t="s">
        <v>221</v>
      </c>
      <c r="X244" s="236"/>
      <c r="Y244" s="236"/>
      <c r="Z244" s="71"/>
      <c r="AA244" s="215"/>
      <c r="AB244" s="215"/>
      <c r="AC244" s="215" t="s">
        <v>380</v>
      </c>
      <c r="AD244" s="237"/>
      <c r="AE244" s="235" t="s">
        <v>237</v>
      </c>
      <c r="AF244" s="236"/>
      <c r="AG244" s="236"/>
      <c r="AH244" s="71"/>
      <c r="AI244" s="215"/>
      <c r="AJ244" s="215"/>
      <c r="AK244" s="215" t="s">
        <v>380</v>
      </c>
      <c r="AL244" s="237"/>
      <c r="AM244" s="236" t="s">
        <v>237</v>
      </c>
      <c r="AN244" s="236"/>
      <c r="AO244" s="236"/>
      <c r="AP244" s="71"/>
      <c r="AQ244" s="215"/>
      <c r="AR244" s="215"/>
      <c r="AS244" s="215" t="s">
        <v>380</v>
      </c>
      <c r="AT244" s="237"/>
      <c r="AU244" s="163"/>
      <c r="AV244" s="145"/>
      <c r="AW244" s="145"/>
      <c r="AX244" s="145"/>
      <c r="AY244" s="145"/>
      <c r="AZ244" s="145"/>
      <c r="BA244" s="145"/>
      <c r="BB244" s="72"/>
      <c r="BC244" s="145"/>
      <c r="BD244" s="145"/>
      <c r="BE244" s="145"/>
      <c r="BF244" s="145"/>
      <c r="BG244" s="145"/>
      <c r="BH244" s="145"/>
      <c r="BI244" s="145"/>
      <c r="BJ244" s="158"/>
      <c r="BK244" s="146"/>
      <c r="BL244" s="146"/>
      <c r="BM244" s="146"/>
      <c r="BN244" s="146"/>
    </row>
    <row r="245" spans="4:70" ht="20.100000000000001" customHeight="1">
      <c r="D245" s="308"/>
      <c r="E245" s="310"/>
      <c r="F245" s="73"/>
      <c r="G245" s="226" t="s">
        <v>372</v>
      </c>
      <c r="H245" s="226"/>
      <c r="I245" s="226"/>
      <c r="J245" s="226"/>
      <c r="K245" s="226"/>
      <c r="L245" s="226"/>
      <c r="M245" s="149"/>
      <c r="N245" s="74"/>
      <c r="O245" s="218" t="s">
        <v>222</v>
      </c>
      <c r="P245" s="219"/>
      <c r="Q245" s="219"/>
      <c r="R245" s="151"/>
      <c r="S245" s="220"/>
      <c r="T245" s="220"/>
      <c r="U245" s="220" t="s">
        <v>380</v>
      </c>
      <c r="V245" s="220"/>
      <c r="W245" s="218" t="s">
        <v>222</v>
      </c>
      <c r="X245" s="219"/>
      <c r="Y245" s="219"/>
      <c r="Z245" s="151"/>
      <c r="AA245" s="220"/>
      <c r="AB245" s="220"/>
      <c r="AC245" s="220" t="s">
        <v>380</v>
      </c>
      <c r="AD245" s="221"/>
      <c r="AE245" s="218" t="s">
        <v>49</v>
      </c>
      <c r="AF245" s="219"/>
      <c r="AG245" s="219"/>
      <c r="AH245" s="76"/>
      <c r="AI245" s="220"/>
      <c r="AJ245" s="220"/>
      <c r="AK245" s="220" t="s">
        <v>380</v>
      </c>
      <c r="AL245" s="221"/>
      <c r="AM245" s="219" t="s">
        <v>49</v>
      </c>
      <c r="AN245" s="219"/>
      <c r="AO245" s="219"/>
      <c r="AP245" s="76"/>
      <c r="AQ245" s="220"/>
      <c r="AR245" s="220"/>
      <c r="AS245" s="220" t="s">
        <v>380</v>
      </c>
      <c r="AT245" s="221"/>
      <c r="AU245" s="16"/>
      <c r="AV245" s="15"/>
      <c r="AW245" s="15"/>
      <c r="AX245" s="15"/>
      <c r="AY245" s="15"/>
      <c r="AZ245" s="15"/>
      <c r="BA245" s="15"/>
      <c r="BB245" s="77"/>
      <c r="BC245" s="15"/>
      <c r="BD245" s="15"/>
      <c r="BE245" s="15"/>
      <c r="BF245" s="15"/>
      <c r="BG245" s="15"/>
      <c r="BH245" s="15"/>
      <c r="BI245" s="15"/>
      <c r="BJ245" s="78"/>
      <c r="BK245" s="15"/>
      <c r="BL245" s="15"/>
      <c r="BM245" s="15"/>
      <c r="BN245" s="15"/>
      <c r="BO245" s="15"/>
      <c r="BP245" s="15"/>
    </row>
    <row r="246" spans="4:70" ht="20.100000000000001" customHeight="1">
      <c r="D246" s="308"/>
      <c r="E246" s="310"/>
      <c r="F246" s="73"/>
      <c r="G246" s="226" t="s">
        <v>373</v>
      </c>
      <c r="H246" s="226"/>
      <c r="I246" s="226"/>
      <c r="J246" s="226"/>
      <c r="K246" s="226"/>
      <c r="L246" s="226"/>
      <c r="M246" s="149"/>
      <c r="N246" s="74"/>
      <c r="O246" s="218" t="s">
        <v>238</v>
      </c>
      <c r="P246" s="219"/>
      <c r="Q246" s="219"/>
      <c r="R246" s="219"/>
      <c r="S246" s="220"/>
      <c r="T246" s="220"/>
      <c r="U246" s="220" t="s">
        <v>380</v>
      </c>
      <c r="V246" s="220"/>
      <c r="W246" s="218" t="s">
        <v>238</v>
      </c>
      <c r="X246" s="219"/>
      <c r="Y246" s="219"/>
      <c r="Z246" s="219"/>
      <c r="AA246" s="220"/>
      <c r="AB246" s="220"/>
      <c r="AC246" s="220" t="s">
        <v>380</v>
      </c>
      <c r="AD246" s="221"/>
      <c r="AE246" s="222" t="s">
        <v>48</v>
      </c>
      <c r="AF246" s="220"/>
      <c r="AG246" s="230"/>
      <c r="AH246" s="230"/>
      <c r="AI246" s="230"/>
      <c r="AJ246" s="230"/>
      <c r="AK246" s="220" t="s">
        <v>26</v>
      </c>
      <c r="AL246" s="221"/>
      <c r="AM246" s="220" t="s">
        <v>48</v>
      </c>
      <c r="AN246" s="220"/>
      <c r="AO246" s="230"/>
      <c r="AP246" s="230"/>
      <c r="AQ246" s="230"/>
      <c r="AR246" s="230"/>
      <c r="AS246" s="220" t="s">
        <v>26</v>
      </c>
      <c r="AT246" s="223"/>
      <c r="AU246" s="16"/>
      <c r="AV246" s="15"/>
      <c r="AW246" s="15"/>
      <c r="AX246" s="15"/>
      <c r="AY246" s="15"/>
      <c r="AZ246" s="15"/>
      <c r="BA246" s="15"/>
      <c r="BB246" s="77"/>
      <c r="BC246" s="15"/>
      <c r="BD246" s="15"/>
      <c r="BE246" s="15"/>
      <c r="BF246" s="15"/>
      <c r="BG246" s="15"/>
      <c r="BH246" s="15"/>
      <c r="BI246" s="15"/>
      <c r="BJ246" s="78"/>
      <c r="BK246" s="15"/>
      <c r="BL246" s="15"/>
      <c r="BM246" s="15"/>
      <c r="BN246" s="15"/>
      <c r="BO246" s="15"/>
      <c r="BP246" s="15"/>
    </row>
    <row r="247" spans="4:70" ht="20.100000000000001" customHeight="1">
      <c r="D247" s="308"/>
      <c r="E247" s="310"/>
      <c r="F247" s="227" t="s">
        <v>374</v>
      </c>
      <c r="G247" s="228"/>
      <c r="H247" s="228"/>
      <c r="I247" s="228"/>
      <c r="J247" s="228"/>
      <c r="K247" s="228"/>
      <c r="L247" s="228"/>
      <c r="M247" s="228"/>
      <c r="N247" s="229"/>
      <c r="O247" s="224" t="s">
        <v>223</v>
      </c>
      <c r="P247" s="225"/>
      <c r="Q247" s="225"/>
      <c r="R247" s="151"/>
      <c r="S247" s="151"/>
      <c r="T247" s="151"/>
      <c r="U247" s="151"/>
      <c r="V247" s="135"/>
      <c r="W247" s="224" t="s">
        <v>223</v>
      </c>
      <c r="X247" s="225"/>
      <c r="Y247" s="225"/>
      <c r="Z247" s="151"/>
      <c r="AA247" s="151"/>
      <c r="AB247" s="151"/>
      <c r="AC247" s="151"/>
      <c r="AD247" s="93"/>
      <c r="AE247" s="150"/>
      <c r="AF247" s="75"/>
      <c r="AG247" s="230"/>
      <c r="AH247" s="230"/>
      <c r="AI247" s="230"/>
      <c r="AJ247" s="230"/>
      <c r="AK247" s="151"/>
      <c r="AL247" s="153"/>
      <c r="AM247" s="151"/>
      <c r="AN247" s="75"/>
      <c r="AO247" s="230"/>
      <c r="AP247" s="230"/>
      <c r="AQ247" s="230"/>
      <c r="AR247" s="230"/>
      <c r="AS247" s="151"/>
      <c r="AT247" s="152"/>
      <c r="AU247" s="79"/>
      <c r="AV247" s="151"/>
      <c r="BB247" s="80"/>
      <c r="BH247" s="67"/>
      <c r="BI247" s="67"/>
      <c r="BJ247" s="19"/>
      <c r="BK247" s="67"/>
      <c r="BL247" s="67"/>
      <c r="BM247" s="67"/>
      <c r="BN247" s="67"/>
      <c r="BO247" s="67"/>
      <c r="BP247" s="67"/>
      <c r="BQ247" s="67"/>
      <c r="BR247" s="67"/>
    </row>
    <row r="248" spans="4:70" ht="20.100000000000001" customHeight="1">
      <c r="D248" s="308"/>
      <c r="E248" s="310"/>
      <c r="F248" s="227"/>
      <c r="G248" s="228"/>
      <c r="H248" s="228"/>
      <c r="I248" s="228"/>
      <c r="J248" s="228"/>
      <c r="K248" s="228"/>
      <c r="L248" s="228"/>
      <c r="M248" s="228"/>
      <c r="N248" s="229"/>
      <c r="O248" s="218" t="s">
        <v>226</v>
      </c>
      <c r="P248" s="219"/>
      <c r="Q248" s="219"/>
      <c r="R248" s="151"/>
      <c r="S248" s="220"/>
      <c r="T248" s="220"/>
      <c r="U248" s="220" t="s">
        <v>380</v>
      </c>
      <c r="V248" s="220"/>
      <c r="W248" s="218" t="s">
        <v>226</v>
      </c>
      <c r="X248" s="219"/>
      <c r="Y248" s="219"/>
      <c r="Z248" s="151"/>
      <c r="AA248" s="220"/>
      <c r="AB248" s="220"/>
      <c r="AC248" s="220" t="s">
        <v>380</v>
      </c>
      <c r="AD248" s="221"/>
      <c r="AE248" s="81"/>
      <c r="AF248" s="75"/>
      <c r="AG248" s="151"/>
      <c r="AH248" s="151"/>
      <c r="AI248" s="151"/>
      <c r="AJ248" s="151"/>
      <c r="AK248" s="151"/>
      <c r="AL248" s="134"/>
      <c r="AM248" s="151"/>
      <c r="AN248" s="151"/>
      <c r="AO248" s="151"/>
      <c r="AP248" s="151"/>
      <c r="AQ248" s="75"/>
      <c r="AR248" s="75"/>
      <c r="AS248" s="151"/>
      <c r="AT248" s="82"/>
      <c r="AU248" s="150"/>
      <c r="AV248" s="75"/>
      <c r="AW248" s="75"/>
      <c r="AZ248" s="15"/>
      <c r="BA248" s="15"/>
      <c r="BB248" s="80"/>
      <c r="BG248" s="15"/>
      <c r="BJ248" s="5"/>
      <c r="BK248" s="15"/>
      <c r="BL248" s="15"/>
      <c r="BR248" s="15"/>
    </row>
    <row r="249" spans="4:70" ht="20.100000000000001" customHeight="1">
      <c r="D249" s="308"/>
      <c r="E249" s="310"/>
      <c r="F249" s="73"/>
      <c r="G249" s="217" t="s">
        <v>375</v>
      </c>
      <c r="H249" s="217"/>
      <c r="I249" s="217"/>
      <c r="J249" s="217"/>
      <c r="K249" s="217"/>
      <c r="L249" s="149"/>
      <c r="M249" s="149"/>
      <c r="N249" s="74"/>
      <c r="O249" s="218" t="s">
        <v>49</v>
      </c>
      <c r="P249" s="219"/>
      <c r="Q249" s="219"/>
      <c r="R249" s="76"/>
      <c r="S249" s="220"/>
      <c r="T249" s="220"/>
      <c r="U249" s="220" t="s">
        <v>380</v>
      </c>
      <c r="V249" s="220"/>
      <c r="W249" s="218" t="s">
        <v>49</v>
      </c>
      <c r="X249" s="219"/>
      <c r="Y249" s="219"/>
      <c r="Z249" s="76"/>
      <c r="AA249" s="220"/>
      <c r="AB249" s="220"/>
      <c r="AC249" s="220" t="s">
        <v>380</v>
      </c>
      <c r="AD249" s="221"/>
      <c r="AE249" s="150"/>
      <c r="AF249" s="151"/>
      <c r="AG249" s="151"/>
      <c r="AH249" s="151"/>
      <c r="AI249" s="151"/>
      <c r="AJ249" s="151"/>
      <c r="AK249" s="151"/>
      <c r="AL249" s="82"/>
      <c r="AM249" s="151"/>
      <c r="AN249" s="151"/>
      <c r="AO249" s="151"/>
      <c r="AP249" s="151"/>
      <c r="AQ249" s="151"/>
      <c r="AR249" s="151"/>
      <c r="AS249" s="151"/>
      <c r="AT249" s="82"/>
      <c r="AU249" s="150"/>
      <c r="AV249" s="151"/>
      <c r="AW249" s="151"/>
      <c r="BB249" s="80"/>
      <c r="BJ249" s="5"/>
    </row>
    <row r="250" spans="4:70" ht="20.100000000000001" customHeight="1">
      <c r="D250" s="308"/>
      <c r="E250" s="310"/>
      <c r="F250" s="73"/>
      <c r="G250" s="209" t="s">
        <v>376</v>
      </c>
      <c r="H250" s="209"/>
      <c r="I250" s="209"/>
      <c r="J250" s="209"/>
      <c r="K250" s="209"/>
      <c r="L250" s="149"/>
      <c r="M250" s="149"/>
      <c r="N250" s="149"/>
      <c r="O250" s="222" t="s">
        <v>48</v>
      </c>
      <c r="P250" s="220"/>
      <c r="Q250" s="230"/>
      <c r="R250" s="230"/>
      <c r="S250" s="230"/>
      <c r="T250" s="230"/>
      <c r="U250" s="220" t="s">
        <v>26</v>
      </c>
      <c r="V250" s="220"/>
      <c r="W250" s="222" t="s">
        <v>48</v>
      </c>
      <c r="X250" s="220"/>
      <c r="Y250" s="230"/>
      <c r="Z250" s="230"/>
      <c r="AA250" s="230"/>
      <c r="AB250" s="230"/>
      <c r="AC250" s="220" t="s">
        <v>26</v>
      </c>
      <c r="AD250" s="221"/>
      <c r="AE250" s="150"/>
      <c r="AF250" s="151"/>
      <c r="AG250" s="151"/>
      <c r="AH250" s="151"/>
      <c r="AI250" s="151"/>
      <c r="AJ250" s="151"/>
      <c r="AK250" s="151"/>
      <c r="AL250" s="82"/>
      <c r="AM250" s="151"/>
      <c r="AN250" s="151"/>
      <c r="AO250" s="151"/>
      <c r="AP250" s="151"/>
      <c r="AQ250" s="151"/>
      <c r="AR250" s="151"/>
      <c r="AS250" s="151"/>
      <c r="AT250" s="151"/>
      <c r="AU250" s="150"/>
      <c r="AV250" s="151"/>
      <c r="AW250" s="151"/>
      <c r="BB250" s="80"/>
      <c r="BJ250" s="5"/>
    </row>
    <row r="251" spans="4:70" ht="19.5" customHeight="1">
      <c r="D251" s="308"/>
      <c r="E251" s="310"/>
      <c r="F251" s="73"/>
      <c r="G251" s="209" t="s">
        <v>377</v>
      </c>
      <c r="H251" s="209"/>
      <c r="I251" s="209"/>
      <c r="J251" s="209"/>
      <c r="K251" s="209"/>
      <c r="L251" s="149"/>
      <c r="M251" s="149"/>
      <c r="N251" s="149"/>
      <c r="O251" s="4"/>
      <c r="W251" s="4"/>
      <c r="AD251" s="5"/>
      <c r="AE251" s="4"/>
      <c r="AL251" s="5"/>
      <c r="AU251" s="4"/>
      <c r="BB251" s="80"/>
      <c r="BJ251" s="5"/>
    </row>
    <row r="252" spans="4:70" ht="19.5" customHeight="1">
      <c r="D252" s="311"/>
      <c r="E252" s="313"/>
      <c r="F252" s="83"/>
      <c r="G252" s="210" t="s">
        <v>378</v>
      </c>
      <c r="H252" s="210"/>
      <c r="I252" s="210"/>
      <c r="J252" s="148" t="s">
        <v>379</v>
      </c>
      <c r="K252" s="211"/>
      <c r="L252" s="211"/>
      <c r="M252" s="133" t="s">
        <v>381</v>
      </c>
      <c r="N252" s="133"/>
      <c r="O252" s="193"/>
      <c r="P252" s="194"/>
      <c r="Q252" s="194"/>
      <c r="R252" s="194"/>
      <c r="S252" s="194"/>
      <c r="T252" s="194"/>
      <c r="U252" s="194"/>
      <c r="V252" s="194"/>
      <c r="W252" s="193"/>
      <c r="X252" s="194"/>
      <c r="Y252" s="194"/>
      <c r="Z252" s="194"/>
      <c r="AA252" s="194"/>
      <c r="AB252" s="194"/>
      <c r="AC252" s="194"/>
      <c r="AD252" s="195"/>
      <c r="AE252" s="193"/>
      <c r="AF252" s="194"/>
      <c r="AG252" s="194"/>
      <c r="AH252" s="194"/>
      <c r="AI252" s="194"/>
      <c r="AJ252" s="194"/>
      <c r="AK252" s="194"/>
      <c r="AL252" s="195"/>
      <c r="AM252" s="194"/>
      <c r="AN252" s="194"/>
      <c r="AO252" s="194"/>
      <c r="AP252" s="194"/>
      <c r="AQ252" s="194"/>
      <c r="AR252" s="194"/>
      <c r="AS252" s="194"/>
      <c r="AT252" s="194"/>
      <c r="AU252" s="193"/>
      <c r="AV252" s="194"/>
      <c r="AW252" s="194"/>
      <c r="AX252" s="194"/>
      <c r="AY252" s="194"/>
      <c r="AZ252" s="194"/>
      <c r="BA252" s="194"/>
      <c r="BB252" s="84"/>
      <c r="BC252" s="194"/>
      <c r="BD252" s="194"/>
      <c r="BE252" s="194"/>
      <c r="BF252" s="194"/>
      <c r="BG252" s="194"/>
      <c r="BH252" s="194"/>
      <c r="BI252" s="194"/>
      <c r="BJ252" s="195"/>
      <c r="BK252" s="4"/>
    </row>
    <row r="253" spans="4:70" ht="16.5" customHeight="1">
      <c r="D253" s="48" t="s">
        <v>135</v>
      </c>
      <c r="E253" s="22"/>
      <c r="F253" s="299" t="s">
        <v>278</v>
      </c>
      <c r="G253" s="299"/>
      <c r="H253" s="299"/>
      <c r="I253" s="299"/>
      <c r="J253" s="299"/>
      <c r="K253" s="299"/>
      <c r="L253" s="299"/>
      <c r="M253" s="299"/>
      <c r="N253" s="299"/>
      <c r="O253" s="299"/>
      <c r="P253" s="299"/>
      <c r="Q253" s="299"/>
      <c r="R253" s="299"/>
      <c r="S253" s="299"/>
      <c r="T253" s="299"/>
      <c r="U253" s="299"/>
      <c r="V253" s="299"/>
      <c r="W253" s="299"/>
      <c r="X253" s="299"/>
      <c r="Y253" s="299"/>
      <c r="Z253" s="299"/>
      <c r="AA253" s="299"/>
      <c r="AB253" s="299"/>
      <c r="AC253" s="299"/>
      <c r="AD253" s="299"/>
      <c r="AE253" s="299"/>
      <c r="AF253" s="299"/>
      <c r="AG253" s="299"/>
      <c r="AH253" s="299"/>
      <c r="AI253" s="299"/>
      <c r="AJ253" s="299"/>
      <c r="AK253" s="299"/>
      <c r="AL253" s="299"/>
      <c r="AM253" s="299"/>
      <c r="AN253" s="299"/>
      <c r="AO253" s="299"/>
      <c r="AP253" s="299"/>
      <c r="AQ253" s="299"/>
      <c r="AR253" s="299"/>
      <c r="AS253" s="299"/>
      <c r="AT253" s="299"/>
      <c r="AU253" s="299"/>
      <c r="AV253" s="299"/>
      <c r="AW253" s="299"/>
      <c r="AX253" s="299"/>
      <c r="AY253" s="299"/>
      <c r="AZ253" s="299"/>
      <c r="BA253" s="299"/>
      <c r="BB253" s="299"/>
      <c r="BC253" s="299"/>
      <c r="BD253" s="299"/>
      <c r="BE253" s="299"/>
      <c r="BF253" s="299"/>
      <c r="BG253" s="299"/>
      <c r="BH253" s="299"/>
      <c r="BI253" s="299"/>
      <c r="BJ253" s="299"/>
    </row>
    <row r="254" spans="4:70" ht="16.5" customHeight="1">
      <c r="D254" s="48"/>
      <c r="E254" s="22"/>
      <c r="F254" s="299"/>
      <c r="G254" s="299"/>
      <c r="H254" s="299"/>
      <c r="I254" s="299"/>
      <c r="J254" s="299"/>
      <c r="K254" s="299"/>
      <c r="L254" s="299"/>
      <c r="M254" s="299"/>
      <c r="N254" s="299"/>
      <c r="O254" s="299"/>
      <c r="P254" s="299"/>
      <c r="Q254" s="299"/>
      <c r="R254" s="299"/>
      <c r="S254" s="299"/>
      <c r="T254" s="299"/>
      <c r="U254" s="299"/>
      <c r="V254" s="299"/>
      <c r="W254" s="299"/>
      <c r="X254" s="299"/>
      <c r="Y254" s="299"/>
      <c r="Z254" s="299"/>
      <c r="AA254" s="299"/>
      <c r="AB254" s="299"/>
      <c r="AC254" s="299"/>
      <c r="AD254" s="299"/>
      <c r="AE254" s="299"/>
      <c r="AF254" s="299"/>
      <c r="AG254" s="299"/>
      <c r="AH254" s="299"/>
      <c r="AI254" s="299"/>
      <c r="AJ254" s="299"/>
      <c r="AK254" s="299"/>
      <c r="AL254" s="299"/>
      <c r="AM254" s="299"/>
      <c r="AN254" s="299"/>
      <c r="AO254" s="299"/>
      <c r="AP254" s="299"/>
      <c r="AQ254" s="299"/>
      <c r="AR254" s="299"/>
      <c r="AS254" s="299"/>
      <c r="AT254" s="299"/>
      <c r="AU254" s="299"/>
      <c r="AV254" s="299"/>
      <c r="AW254" s="299"/>
      <c r="AX254" s="299"/>
      <c r="AY254" s="299"/>
      <c r="AZ254" s="299"/>
      <c r="BA254" s="299"/>
      <c r="BB254" s="299"/>
      <c r="BC254" s="299"/>
      <c r="BD254" s="299"/>
      <c r="BE254" s="299"/>
      <c r="BF254" s="299"/>
      <c r="BG254" s="299"/>
      <c r="BH254" s="299"/>
      <c r="BI254" s="299"/>
      <c r="BJ254" s="299"/>
    </row>
    <row r="255" spans="4:70" ht="11.25" customHeight="1">
      <c r="E255" s="146"/>
      <c r="F255" s="146"/>
      <c r="G255" s="183"/>
      <c r="H255" s="183"/>
      <c r="I255" s="183"/>
      <c r="J255" s="183"/>
      <c r="K255" s="183"/>
      <c r="L255" s="183"/>
      <c r="M255" s="183"/>
      <c r="N255" s="183"/>
      <c r="O255" s="183"/>
      <c r="P255" s="183"/>
      <c r="Q255" s="183"/>
      <c r="R255" s="183"/>
      <c r="S255" s="183"/>
      <c r="T255" s="183"/>
      <c r="U255" s="183"/>
      <c r="V255" s="183"/>
      <c r="W255" s="183"/>
      <c r="X255" s="183"/>
      <c r="Y255" s="183"/>
      <c r="AJ255" s="146"/>
      <c r="AK255" s="146"/>
      <c r="AL255" s="146"/>
      <c r="AN255" s="98"/>
      <c r="AO255" s="95"/>
      <c r="AP255" s="166"/>
      <c r="AQ255" s="166"/>
      <c r="AZ255" s="146"/>
      <c r="BA255" s="146"/>
      <c r="BB255" s="146"/>
      <c r="BD255" s="98"/>
      <c r="BE255" s="95"/>
    </row>
    <row r="256" spans="4:70" ht="7.5" customHeight="1">
      <c r="D256" s="41"/>
      <c r="F256" s="22"/>
      <c r="G256" s="22"/>
      <c r="H256" s="22"/>
      <c r="I256" s="22"/>
      <c r="J256" s="22"/>
      <c r="K256" s="22"/>
      <c r="L256" s="22"/>
      <c r="M256" s="22"/>
      <c r="N256" s="22"/>
    </row>
    <row r="257" spans="4:62" ht="24" customHeight="1">
      <c r="D257" s="25"/>
      <c r="E257" s="262" t="s">
        <v>251</v>
      </c>
      <c r="F257" s="262"/>
      <c r="G257" s="26"/>
      <c r="H257" s="26" t="s">
        <v>287</v>
      </c>
      <c r="I257" s="26"/>
      <c r="J257" s="26"/>
      <c r="K257" s="26"/>
      <c r="L257" s="26"/>
      <c r="M257" s="26"/>
      <c r="N257" s="26"/>
      <c r="O257" s="26"/>
      <c r="P257" s="26"/>
      <c r="Q257" s="26"/>
      <c r="R257" s="26"/>
      <c r="S257" s="26"/>
      <c r="T257" s="26"/>
      <c r="U257" s="26"/>
      <c r="V257" s="26"/>
      <c r="W257" s="26"/>
      <c r="X257" s="26"/>
      <c r="Y257" s="26"/>
      <c r="Z257" s="26"/>
      <c r="AA257" s="26"/>
      <c r="AB257" s="26"/>
      <c r="AC257" s="26"/>
      <c r="AD257" s="26"/>
      <c r="AE257" s="26"/>
      <c r="AF257" s="26"/>
      <c r="AG257" s="26"/>
      <c r="AH257" s="26"/>
      <c r="AI257" s="26"/>
      <c r="AJ257" s="26"/>
      <c r="AK257" s="26"/>
      <c r="AL257" s="26"/>
      <c r="AM257" s="26"/>
      <c r="AN257" s="26"/>
      <c r="AO257" s="26"/>
      <c r="AP257" s="26"/>
      <c r="AQ257" s="26"/>
      <c r="AR257" s="26"/>
      <c r="AS257" s="26"/>
      <c r="AT257" s="26"/>
      <c r="AU257" s="26"/>
      <c r="AV257" s="26"/>
      <c r="AW257" s="26"/>
      <c r="AX257" s="26"/>
      <c r="AY257" s="26"/>
      <c r="AZ257" s="26"/>
      <c r="BA257" s="26"/>
      <c r="BB257" s="26"/>
      <c r="BC257" s="26"/>
      <c r="BD257" s="26"/>
      <c r="BE257" s="26"/>
      <c r="BF257" s="26"/>
      <c r="BG257" s="26"/>
      <c r="BH257" s="26"/>
      <c r="BI257" s="26"/>
      <c r="BJ257" s="27"/>
    </row>
    <row r="258" spans="4:62" ht="20.100000000000001" customHeight="1">
      <c r="D258" s="107" t="s">
        <v>286</v>
      </c>
      <c r="E258" s="26"/>
      <c r="F258" s="46"/>
      <c r="G258" s="46"/>
      <c r="H258" s="46"/>
      <c r="I258" s="46"/>
      <c r="J258" s="46"/>
      <c r="K258" s="46"/>
      <c r="L258" s="46"/>
      <c r="M258" s="46"/>
      <c r="N258" s="46"/>
      <c r="O258" s="26"/>
      <c r="P258" s="26"/>
      <c r="Q258" s="26"/>
      <c r="R258" s="26"/>
      <c r="S258" s="26"/>
      <c r="T258" s="26"/>
      <c r="U258" s="26"/>
      <c r="V258" s="26"/>
      <c r="W258" s="26"/>
      <c r="X258" s="26"/>
      <c r="Y258" s="26"/>
      <c r="Z258" s="26"/>
      <c r="AA258" s="26"/>
      <c r="AB258" s="26"/>
      <c r="AC258" s="26"/>
      <c r="AD258" s="26"/>
      <c r="AE258" s="26"/>
      <c r="AF258" s="26"/>
      <c r="AG258" s="26"/>
      <c r="AH258" s="26"/>
      <c r="AI258" s="26"/>
      <c r="AJ258" s="26"/>
      <c r="AK258" s="26"/>
      <c r="AL258" s="26"/>
      <c r="AM258" s="26"/>
      <c r="AN258" s="26"/>
      <c r="AO258" s="26"/>
      <c r="AP258" s="26"/>
      <c r="AQ258" s="26"/>
      <c r="AR258" s="26"/>
      <c r="AS258" s="26"/>
      <c r="AT258" s="26"/>
      <c r="AU258" s="26"/>
      <c r="AV258" s="26"/>
      <c r="AW258" s="26"/>
      <c r="AX258" s="26"/>
      <c r="AY258" s="26"/>
      <c r="AZ258" s="26"/>
      <c r="BA258" s="26"/>
      <c r="BB258" s="26"/>
      <c r="BC258" s="26"/>
      <c r="BD258" s="26"/>
      <c r="BE258" s="26"/>
      <c r="BF258" s="26"/>
      <c r="BG258" s="26"/>
      <c r="BH258" s="26"/>
      <c r="BI258" s="26"/>
      <c r="BJ258" s="27"/>
    </row>
    <row r="259" spans="4:62" ht="33.75" customHeight="1">
      <c r="D259" s="284" t="s">
        <v>111</v>
      </c>
      <c r="E259" s="262"/>
      <c r="F259" s="262"/>
      <c r="G259" s="262"/>
      <c r="H259" s="281" t="s">
        <v>112</v>
      </c>
      <c r="I259" s="282"/>
      <c r="J259" s="282"/>
      <c r="K259" s="282"/>
      <c r="L259" s="283"/>
      <c r="M259" s="340" t="s">
        <v>114</v>
      </c>
      <c r="N259" s="341"/>
      <c r="O259" s="341"/>
      <c r="P259" s="341"/>
      <c r="Q259" s="341"/>
      <c r="R259" s="341"/>
      <c r="S259" s="341"/>
      <c r="T259" s="341"/>
      <c r="U259" s="341"/>
      <c r="V259" s="341"/>
      <c r="W259" s="341"/>
      <c r="X259" s="341"/>
      <c r="Y259" s="341"/>
      <c r="Z259" s="341"/>
      <c r="AA259" s="341"/>
      <c r="AB259" s="341"/>
      <c r="AC259" s="341"/>
      <c r="AD259" s="341"/>
      <c r="AE259" s="341"/>
      <c r="AF259" s="341"/>
      <c r="AG259" s="341"/>
      <c r="AH259" s="341"/>
      <c r="AI259" s="341"/>
      <c r="AJ259" s="341"/>
      <c r="AK259" s="341"/>
      <c r="AL259" s="341"/>
      <c r="AM259" s="341"/>
      <c r="AN259" s="341"/>
      <c r="AO259" s="341"/>
      <c r="AP259" s="341"/>
      <c r="AQ259" s="341"/>
      <c r="AR259" s="341"/>
      <c r="AS259" s="341"/>
      <c r="AT259" s="341"/>
      <c r="AU259" s="341"/>
      <c r="AV259" s="341"/>
      <c r="AW259" s="341"/>
      <c r="AX259" s="341"/>
      <c r="AY259" s="341"/>
      <c r="AZ259" s="341"/>
      <c r="BA259" s="341"/>
      <c r="BB259" s="341"/>
      <c r="BC259" s="341"/>
      <c r="BD259" s="341"/>
      <c r="BE259" s="341"/>
      <c r="BF259" s="342"/>
      <c r="BG259" s="281" t="s">
        <v>113</v>
      </c>
      <c r="BH259" s="262"/>
      <c r="BI259" s="262"/>
      <c r="BJ259" s="285"/>
    </row>
    <row r="260" spans="4:62" ht="23.25" customHeight="1">
      <c r="D260" s="333" t="s">
        <v>126</v>
      </c>
      <c r="E260" s="334"/>
      <c r="F260" s="334"/>
      <c r="G260" s="335"/>
      <c r="H260" s="333" t="s">
        <v>125</v>
      </c>
      <c r="I260" s="334"/>
      <c r="J260" s="334"/>
      <c r="K260" s="334"/>
      <c r="L260" s="335"/>
      <c r="M260" s="197"/>
      <c r="N260" s="197" t="s">
        <v>115</v>
      </c>
      <c r="O260" s="197"/>
      <c r="P260" s="197"/>
      <c r="Q260" s="197"/>
      <c r="R260" s="197"/>
      <c r="S260" s="197"/>
      <c r="T260" s="197" t="s">
        <v>116</v>
      </c>
      <c r="U260" s="197"/>
      <c r="V260" s="197"/>
      <c r="W260" s="197"/>
      <c r="X260" s="197" t="s">
        <v>117</v>
      </c>
      <c r="Y260" s="197"/>
      <c r="Z260" s="197"/>
      <c r="AA260" s="197"/>
      <c r="AB260" s="197" t="s">
        <v>118</v>
      </c>
      <c r="AC260" s="197"/>
      <c r="AD260" s="197"/>
      <c r="AE260" s="197"/>
      <c r="AF260" s="197" t="s">
        <v>119</v>
      </c>
      <c r="AG260" s="197"/>
      <c r="AH260" s="197"/>
      <c r="AI260" s="197"/>
      <c r="AJ260" s="197" t="s">
        <v>120</v>
      </c>
      <c r="AK260" s="197"/>
      <c r="AL260" s="197"/>
      <c r="AM260" s="197"/>
      <c r="AN260" s="197" t="s">
        <v>121</v>
      </c>
      <c r="AO260" s="197"/>
      <c r="AP260" s="197"/>
      <c r="AQ260" s="197"/>
      <c r="AR260" s="197" t="s">
        <v>122</v>
      </c>
      <c r="AS260" s="197"/>
      <c r="AT260" s="197"/>
      <c r="AU260" s="197"/>
      <c r="AV260" s="197" t="s">
        <v>123</v>
      </c>
      <c r="AW260" s="197"/>
      <c r="AX260" s="197"/>
      <c r="AY260" s="197"/>
      <c r="AZ260" s="197" t="s">
        <v>124</v>
      </c>
      <c r="BA260" s="197"/>
      <c r="BB260" s="197"/>
      <c r="BC260" s="197"/>
      <c r="BD260" s="197"/>
      <c r="BE260" s="197"/>
      <c r="BF260" s="197"/>
      <c r="BG260" s="344" t="s">
        <v>128</v>
      </c>
      <c r="BH260" s="292"/>
      <c r="BI260" s="292"/>
      <c r="BJ260" s="345"/>
    </row>
    <row r="261" spans="4:62" ht="9.75" customHeight="1">
      <c r="D261" s="355" t="s">
        <v>127</v>
      </c>
      <c r="E261" s="356"/>
      <c r="F261" s="356"/>
      <c r="G261" s="357"/>
      <c r="H261" s="242"/>
      <c r="I261" s="243"/>
      <c r="J261" s="243"/>
      <c r="K261" s="243"/>
      <c r="L261" s="244"/>
      <c r="M261" s="22"/>
      <c r="N261" s="99"/>
      <c r="O261" s="100"/>
      <c r="P261" s="104"/>
      <c r="Q261" s="100"/>
      <c r="R261" s="100"/>
      <c r="S261" s="100"/>
      <c r="T261" s="104"/>
      <c r="U261" s="100"/>
      <c r="V261" s="100"/>
      <c r="W261" s="100"/>
      <c r="X261" s="104"/>
      <c r="Y261" s="100"/>
      <c r="Z261" s="100"/>
      <c r="AA261" s="100"/>
      <c r="AB261" s="104"/>
      <c r="AC261" s="100"/>
      <c r="AD261" s="100"/>
      <c r="AE261" s="100"/>
      <c r="AF261" s="104"/>
      <c r="AG261" s="100"/>
      <c r="AH261" s="100"/>
      <c r="AI261" s="100"/>
      <c r="AJ261" s="104"/>
      <c r="AK261" s="100"/>
      <c r="AL261" s="100"/>
      <c r="AM261" s="100"/>
      <c r="AN261" s="104"/>
      <c r="AO261" s="103"/>
      <c r="AP261" s="100"/>
      <c r="AQ261" s="100"/>
      <c r="AR261" s="104"/>
      <c r="AS261" s="100"/>
      <c r="AT261" s="100"/>
      <c r="AU261" s="100"/>
      <c r="AV261" s="100"/>
      <c r="AW261" s="103"/>
      <c r="AX261" s="100"/>
      <c r="AY261" s="100"/>
      <c r="AZ261" s="104"/>
      <c r="BA261" s="100"/>
      <c r="BB261" s="100"/>
      <c r="BC261" s="100"/>
      <c r="BD261" s="100"/>
      <c r="BG261" s="251"/>
      <c r="BH261" s="252"/>
      <c r="BI261" s="252"/>
      <c r="BJ261" s="253"/>
    </row>
    <row r="262" spans="4:62" ht="9.75" customHeight="1">
      <c r="D262" s="355"/>
      <c r="E262" s="356"/>
      <c r="F262" s="356"/>
      <c r="G262" s="357"/>
      <c r="H262" s="242"/>
      <c r="I262" s="243"/>
      <c r="J262" s="243"/>
      <c r="K262" s="243"/>
      <c r="L262" s="244"/>
      <c r="M262" s="22"/>
      <c r="N262" s="101"/>
      <c r="O262" s="102"/>
      <c r="P262" s="106"/>
      <c r="Q262" s="102"/>
      <c r="R262" s="102"/>
      <c r="S262" s="102"/>
      <c r="T262" s="106"/>
      <c r="U262" s="102"/>
      <c r="V262" s="102"/>
      <c r="W262" s="102"/>
      <c r="X262" s="106"/>
      <c r="Y262" s="102"/>
      <c r="Z262" s="102"/>
      <c r="AA262" s="102"/>
      <c r="AB262" s="106"/>
      <c r="AC262" s="102"/>
      <c r="AD262" s="102"/>
      <c r="AE262" s="102"/>
      <c r="AF262" s="106"/>
      <c r="AG262" s="102"/>
      <c r="AH262" s="102"/>
      <c r="AI262" s="102"/>
      <c r="AJ262" s="106"/>
      <c r="AK262" s="102"/>
      <c r="AL262" s="102"/>
      <c r="AM262" s="102"/>
      <c r="AN262" s="106"/>
      <c r="AO262" s="105"/>
      <c r="AP262" s="102"/>
      <c r="AQ262" s="102"/>
      <c r="AR262" s="106"/>
      <c r="AS262" s="102"/>
      <c r="AT262" s="102"/>
      <c r="AU262" s="102"/>
      <c r="AV262" s="102"/>
      <c r="AW262" s="105"/>
      <c r="AX262" s="102"/>
      <c r="AY262" s="102"/>
      <c r="AZ262" s="106"/>
      <c r="BA262" s="102"/>
      <c r="BB262" s="102"/>
      <c r="BC262" s="102"/>
      <c r="BD262" s="102"/>
      <c r="BG262" s="251"/>
      <c r="BH262" s="252"/>
      <c r="BI262" s="252"/>
      <c r="BJ262" s="253"/>
    </row>
    <row r="263" spans="4:62" ht="12" customHeight="1">
      <c r="D263" s="355"/>
      <c r="E263" s="356"/>
      <c r="F263" s="356"/>
      <c r="G263" s="357"/>
      <c r="H263" s="242"/>
      <c r="I263" s="243"/>
      <c r="J263" s="243"/>
      <c r="K263" s="243"/>
      <c r="L263" s="244"/>
      <c r="M263" s="22"/>
      <c r="N263" s="22"/>
      <c r="BG263" s="251"/>
      <c r="BH263" s="252"/>
      <c r="BI263" s="252"/>
      <c r="BJ263" s="253"/>
    </row>
    <row r="264" spans="4:62" ht="16.5" customHeight="1">
      <c r="D264" s="346"/>
      <c r="E264" s="347"/>
      <c r="F264" s="347"/>
      <c r="G264" s="348"/>
      <c r="H264" s="239" t="s">
        <v>125</v>
      </c>
      <c r="I264" s="240"/>
      <c r="J264" s="240"/>
      <c r="K264" s="240"/>
      <c r="L264" s="241"/>
      <c r="M264" s="180"/>
      <c r="N264" s="180"/>
      <c r="O264" s="180"/>
      <c r="P264" s="180"/>
      <c r="Q264" s="180"/>
      <c r="R264" s="180"/>
      <c r="S264" s="180"/>
      <c r="T264" s="180"/>
      <c r="U264" s="180"/>
      <c r="V264" s="180"/>
      <c r="W264" s="180"/>
      <c r="X264" s="180"/>
      <c r="Y264" s="180"/>
      <c r="Z264" s="180"/>
      <c r="AA264" s="180"/>
      <c r="AB264" s="180"/>
      <c r="AC264" s="180"/>
      <c r="AD264" s="180"/>
      <c r="AE264" s="180"/>
      <c r="AF264" s="180"/>
      <c r="AG264" s="180"/>
      <c r="AH264" s="180"/>
      <c r="AI264" s="180"/>
      <c r="AJ264" s="180"/>
      <c r="AK264" s="180"/>
      <c r="AL264" s="180"/>
      <c r="AM264" s="180"/>
      <c r="AN264" s="180"/>
      <c r="AO264" s="180"/>
      <c r="AP264" s="180"/>
      <c r="AQ264" s="180"/>
      <c r="AR264" s="180"/>
      <c r="AS264" s="180"/>
      <c r="AT264" s="180"/>
      <c r="AU264" s="180"/>
      <c r="AV264" s="180"/>
      <c r="AW264" s="180"/>
      <c r="AX264" s="180"/>
      <c r="AY264" s="180"/>
      <c r="AZ264" s="180"/>
      <c r="BA264" s="180"/>
      <c r="BB264" s="180"/>
      <c r="BC264" s="180"/>
      <c r="BD264" s="180"/>
      <c r="BE264" s="180"/>
      <c r="BF264" s="180"/>
      <c r="BG264" s="248"/>
      <c r="BH264" s="249"/>
      <c r="BI264" s="249"/>
      <c r="BJ264" s="250"/>
    </row>
    <row r="265" spans="4:62" ht="9.75" customHeight="1">
      <c r="D265" s="349"/>
      <c r="E265" s="350"/>
      <c r="F265" s="350"/>
      <c r="G265" s="351"/>
      <c r="H265" s="242"/>
      <c r="I265" s="243"/>
      <c r="J265" s="243"/>
      <c r="K265" s="243"/>
      <c r="L265" s="244"/>
      <c r="M265" s="22"/>
      <c r="N265" s="99"/>
      <c r="O265" s="100"/>
      <c r="P265" s="104"/>
      <c r="Q265" s="100"/>
      <c r="R265" s="100"/>
      <c r="S265" s="100"/>
      <c r="T265" s="104"/>
      <c r="U265" s="100"/>
      <c r="V265" s="100"/>
      <c r="W265" s="100"/>
      <c r="X265" s="104"/>
      <c r="Y265" s="100"/>
      <c r="Z265" s="100"/>
      <c r="AA265" s="100"/>
      <c r="AB265" s="104"/>
      <c r="AC265" s="100"/>
      <c r="AD265" s="100"/>
      <c r="AE265" s="100"/>
      <c r="AF265" s="104"/>
      <c r="AG265" s="100"/>
      <c r="AH265" s="100"/>
      <c r="AI265" s="100"/>
      <c r="AJ265" s="104"/>
      <c r="AK265" s="100"/>
      <c r="AL265" s="100"/>
      <c r="AM265" s="100"/>
      <c r="AN265" s="104"/>
      <c r="AO265" s="103"/>
      <c r="AP265" s="100"/>
      <c r="AQ265" s="100"/>
      <c r="AR265" s="104"/>
      <c r="AS265" s="100"/>
      <c r="AT265" s="100"/>
      <c r="AU265" s="100"/>
      <c r="AV265" s="100"/>
      <c r="AW265" s="103"/>
      <c r="AX265" s="100"/>
      <c r="AY265" s="100"/>
      <c r="AZ265" s="104"/>
      <c r="BA265" s="100"/>
      <c r="BB265" s="100"/>
      <c r="BC265" s="100"/>
      <c r="BD265" s="100"/>
      <c r="BG265" s="251"/>
      <c r="BH265" s="252"/>
      <c r="BI265" s="252"/>
      <c r="BJ265" s="253"/>
    </row>
    <row r="266" spans="4:62" ht="9.75" customHeight="1">
      <c r="D266" s="349"/>
      <c r="E266" s="350"/>
      <c r="F266" s="350"/>
      <c r="G266" s="351"/>
      <c r="H266" s="242"/>
      <c r="I266" s="243"/>
      <c r="J266" s="243"/>
      <c r="K266" s="243"/>
      <c r="L266" s="244"/>
      <c r="M266" s="22"/>
      <c r="N266" s="101"/>
      <c r="O266" s="102"/>
      <c r="P266" s="106"/>
      <c r="Q266" s="102"/>
      <c r="R266" s="102"/>
      <c r="S266" s="102"/>
      <c r="T266" s="106"/>
      <c r="U266" s="102"/>
      <c r="V266" s="102"/>
      <c r="W266" s="102"/>
      <c r="X266" s="106"/>
      <c r="Y266" s="102"/>
      <c r="Z266" s="102"/>
      <c r="AA266" s="102"/>
      <c r="AB266" s="106"/>
      <c r="AC266" s="102"/>
      <c r="AD266" s="102"/>
      <c r="AE266" s="102"/>
      <c r="AF266" s="106"/>
      <c r="AG266" s="102"/>
      <c r="AH266" s="102"/>
      <c r="AI266" s="102"/>
      <c r="AJ266" s="106"/>
      <c r="AK266" s="102"/>
      <c r="AL266" s="102"/>
      <c r="AM266" s="102"/>
      <c r="AN266" s="106"/>
      <c r="AO266" s="105"/>
      <c r="AP266" s="102"/>
      <c r="AQ266" s="102"/>
      <c r="AR266" s="106"/>
      <c r="AS266" s="102"/>
      <c r="AT266" s="102"/>
      <c r="AU266" s="102"/>
      <c r="AV266" s="102"/>
      <c r="AW266" s="105"/>
      <c r="AX266" s="102"/>
      <c r="AY266" s="102"/>
      <c r="AZ266" s="106"/>
      <c r="BA266" s="102"/>
      <c r="BB266" s="102"/>
      <c r="BC266" s="102"/>
      <c r="BD266" s="102"/>
      <c r="BG266" s="251"/>
      <c r="BH266" s="252"/>
      <c r="BI266" s="252"/>
      <c r="BJ266" s="253"/>
    </row>
    <row r="267" spans="4:62" ht="12" customHeight="1">
      <c r="D267" s="349"/>
      <c r="E267" s="350"/>
      <c r="F267" s="350"/>
      <c r="G267" s="351"/>
      <c r="H267" s="242"/>
      <c r="I267" s="243"/>
      <c r="J267" s="243"/>
      <c r="K267" s="243"/>
      <c r="L267" s="244"/>
      <c r="M267" s="22"/>
      <c r="N267" s="22"/>
      <c r="BG267" s="251"/>
      <c r="BH267" s="252"/>
      <c r="BI267" s="252"/>
      <c r="BJ267" s="253"/>
    </row>
    <row r="268" spans="4:62" ht="16.5" customHeight="1">
      <c r="D268" s="346"/>
      <c r="E268" s="347"/>
      <c r="F268" s="347"/>
      <c r="G268" s="348"/>
      <c r="H268" s="239" t="s">
        <v>125</v>
      </c>
      <c r="I268" s="240"/>
      <c r="J268" s="240"/>
      <c r="K268" s="240"/>
      <c r="L268" s="241"/>
      <c r="M268" s="180"/>
      <c r="N268" s="180"/>
      <c r="O268" s="180"/>
      <c r="P268" s="180"/>
      <c r="Q268" s="180"/>
      <c r="R268" s="180"/>
      <c r="S268" s="180"/>
      <c r="T268" s="180"/>
      <c r="U268" s="180"/>
      <c r="V268" s="180"/>
      <c r="W268" s="180"/>
      <c r="X268" s="180"/>
      <c r="Y268" s="180"/>
      <c r="Z268" s="180"/>
      <c r="AA268" s="180"/>
      <c r="AB268" s="180"/>
      <c r="AC268" s="180"/>
      <c r="AD268" s="180"/>
      <c r="AE268" s="180"/>
      <c r="AF268" s="180"/>
      <c r="AG268" s="180"/>
      <c r="AH268" s="180"/>
      <c r="AI268" s="180"/>
      <c r="AJ268" s="180"/>
      <c r="AK268" s="180"/>
      <c r="AL268" s="180"/>
      <c r="AM268" s="180"/>
      <c r="AN268" s="180"/>
      <c r="AO268" s="180"/>
      <c r="AP268" s="180"/>
      <c r="AQ268" s="180"/>
      <c r="AR268" s="180"/>
      <c r="AS268" s="180"/>
      <c r="AT268" s="180"/>
      <c r="AU268" s="180"/>
      <c r="AV268" s="180"/>
      <c r="AW268" s="180"/>
      <c r="AX268" s="180"/>
      <c r="AY268" s="180"/>
      <c r="AZ268" s="180"/>
      <c r="BA268" s="180"/>
      <c r="BB268" s="180"/>
      <c r="BC268" s="180"/>
      <c r="BD268" s="180"/>
      <c r="BE268" s="180"/>
      <c r="BF268" s="180"/>
      <c r="BG268" s="248"/>
      <c r="BH268" s="249"/>
      <c r="BI268" s="249"/>
      <c r="BJ268" s="250"/>
    </row>
    <row r="269" spans="4:62" ht="9.75" customHeight="1">
      <c r="D269" s="349"/>
      <c r="E269" s="350"/>
      <c r="F269" s="350"/>
      <c r="G269" s="351"/>
      <c r="H269" s="242"/>
      <c r="I269" s="243"/>
      <c r="J269" s="243"/>
      <c r="K269" s="243"/>
      <c r="L269" s="244"/>
      <c r="M269" s="22"/>
      <c r="N269" s="99"/>
      <c r="O269" s="100"/>
      <c r="P269" s="104"/>
      <c r="Q269" s="100"/>
      <c r="R269" s="100"/>
      <c r="S269" s="100"/>
      <c r="T269" s="104"/>
      <c r="U269" s="100"/>
      <c r="V269" s="100"/>
      <c r="W269" s="100"/>
      <c r="X269" s="104"/>
      <c r="Y269" s="100"/>
      <c r="Z269" s="100"/>
      <c r="AA269" s="100"/>
      <c r="AB269" s="104"/>
      <c r="AC269" s="100"/>
      <c r="AD269" s="100"/>
      <c r="AE269" s="100"/>
      <c r="AF269" s="104"/>
      <c r="AG269" s="100"/>
      <c r="AH269" s="100"/>
      <c r="AI269" s="100"/>
      <c r="AJ269" s="104"/>
      <c r="AK269" s="100"/>
      <c r="AL269" s="100"/>
      <c r="AM269" s="100"/>
      <c r="AN269" s="104"/>
      <c r="AO269" s="103"/>
      <c r="AP269" s="100"/>
      <c r="AQ269" s="100"/>
      <c r="AR269" s="104"/>
      <c r="AS269" s="100"/>
      <c r="AT269" s="100"/>
      <c r="AU269" s="100"/>
      <c r="AV269" s="100"/>
      <c r="AW269" s="103"/>
      <c r="AX269" s="100"/>
      <c r="AY269" s="100"/>
      <c r="AZ269" s="104"/>
      <c r="BA269" s="100"/>
      <c r="BB269" s="100"/>
      <c r="BC269" s="100"/>
      <c r="BD269" s="100"/>
      <c r="BG269" s="251"/>
      <c r="BH269" s="252"/>
      <c r="BI269" s="252"/>
      <c r="BJ269" s="253"/>
    </row>
    <row r="270" spans="4:62" ht="9.75" customHeight="1">
      <c r="D270" s="349"/>
      <c r="E270" s="350"/>
      <c r="F270" s="350"/>
      <c r="G270" s="351"/>
      <c r="H270" s="242"/>
      <c r="I270" s="243"/>
      <c r="J270" s="243"/>
      <c r="K270" s="243"/>
      <c r="L270" s="244"/>
      <c r="M270" s="22"/>
      <c r="N270" s="101"/>
      <c r="O270" s="102"/>
      <c r="P270" s="106"/>
      <c r="Q270" s="102"/>
      <c r="R270" s="102"/>
      <c r="S270" s="102"/>
      <c r="T270" s="106"/>
      <c r="U270" s="102"/>
      <c r="V270" s="102"/>
      <c r="W270" s="102"/>
      <c r="X270" s="106"/>
      <c r="Y270" s="102"/>
      <c r="Z270" s="102"/>
      <c r="AA270" s="102"/>
      <c r="AB270" s="106"/>
      <c r="AC270" s="102"/>
      <c r="AD270" s="102"/>
      <c r="AE270" s="102"/>
      <c r="AF270" s="106"/>
      <c r="AG270" s="102"/>
      <c r="AH270" s="102"/>
      <c r="AI270" s="102"/>
      <c r="AJ270" s="106"/>
      <c r="AK270" s="102"/>
      <c r="AL270" s="102"/>
      <c r="AM270" s="102"/>
      <c r="AN270" s="106"/>
      <c r="AO270" s="105"/>
      <c r="AP270" s="102"/>
      <c r="AQ270" s="102"/>
      <c r="AR270" s="106"/>
      <c r="AS270" s="102"/>
      <c r="AT270" s="102"/>
      <c r="AU270" s="102"/>
      <c r="AV270" s="102"/>
      <c r="AW270" s="105"/>
      <c r="AX270" s="102"/>
      <c r="AY270" s="102"/>
      <c r="AZ270" s="106"/>
      <c r="BA270" s="102"/>
      <c r="BB270" s="102"/>
      <c r="BC270" s="102"/>
      <c r="BD270" s="102"/>
      <c r="BG270" s="251"/>
      <c r="BH270" s="252"/>
      <c r="BI270" s="252"/>
      <c r="BJ270" s="253"/>
    </row>
    <row r="271" spans="4:62" ht="12" customHeight="1">
      <c r="D271" s="352"/>
      <c r="E271" s="353"/>
      <c r="F271" s="353"/>
      <c r="G271" s="354"/>
      <c r="H271" s="259"/>
      <c r="I271" s="260"/>
      <c r="J271" s="260"/>
      <c r="K271" s="260"/>
      <c r="L271" s="261"/>
      <c r="M271" s="47"/>
      <c r="N271" s="47"/>
      <c r="O271" s="179"/>
      <c r="P271" s="179"/>
      <c r="Q271" s="179"/>
      <c r="R271" s="179"/>
      <c r="S271" s="179"/>
      <c r="T271" s="179"/>
      <c r="U271" s="179"/>
      <c r="V271" s="179"/>
      <c r="W271" s="179"/>
      <c r="X271" s="179"/>
      <c r="Y271" s="179"/>
      <c r="Z271" s="179"/>
      <c r="AA271" s="179"/>
      <c r="AB271" s="179"/>
      <c r="AC271" s="179"/>
      <c r="AD271" s="179"/>
      <c r="AE271" s="179"/>
      <c r="AF271" s="179"/>
      <c r="AG271" s="179"/>
      <c r="AH271" s="179"/>
      <c r="AI271" s="179"/>
      <c r="AJ271" s="179"/>
      <c r="AK271" s="179"/>
      <c r="AL271" s="179"/>
      <c r="AM271" s="179"/>
      <c r="AN271" s="179"/>
      <c r="AO271" s="179"/>
      <c r="AP271" s="179"/>
      <c r="AQ271" s="179"/>
      <c r="AR271" s="179"/>
      <c r="AS271" s="179"/>
      <c r="AT271" s="179"/>
      <c r="AU271" s="179"/>
      <c r="AV271" s="179"/>
      <c r="AW271" s="179"/>
      <c r="AX271" s="179"/>
      <c r="AY271" s="179"/>
      <c r="AZ271" s="179"/>
      <c r="BA271" s="179"/>
      <c r="BB271" s="179"/>
      <c r="BC271" s="179"/>
      <c r="BD271" s="179"/>
      <c r="BE271" s="179"/>
      <c r="BF271" s="179"/>
      <c r="BG271" s="254"/>
      <c r="BH271" s="255"/>
      <c r="BI271" s="255"/>
      <c r="BJ271" s="256"/>
    </row>
    <row r="272" spans="4:62" ht="16.5" customHeight="1">
      <c r="D272" s="349"/>
      <c r="E272" s="350"/>
      <c r="F272" s="350"/>
      <c r="G272" s="351"/>
      <c r="H272" s="242" t="s">
        <v>125</v>
      </c>
      <c r="I272" s="243"/>
      <c r="J272" s="243"/>
      <c r="K272" s="243"/>
      <c r="L272" s="244"/>
      <c r="M272" s="180"/>
      <c r="N272" s="180"/>
      <c r="O272" s="180"/>
      <c r="P272" s="180"/>
      <c r="Q272" s="180"/>
      <c r="R272" s="180"/>
      <c r="S272" s="180"/>
      <c r="T272" s="180"/>
      <c r="U272" s="180"/>
      <c r="V272" s="180"/>
      <c r="W272" s="180"/>
      <c r="X272" s="180"/>
      <c r="Y272" s="180"/>
      <c r="Z272" s="180"/>
      <c r="AA272" s="180"/>
      <c r="AB272" s="180"/>
      <c r="AC272" s="180"/>
      <c r="AD272" s="180"/>
      <c r="AE272" s="180"/>
      <c r="AF272" s="180"/>
      <c r="AG272" s="180"/>
      <c r="AH272" s="180"/>
      <c r="AI272" s="180"/>
      <c r="AJ272" s="180"/>
      <c r="AK272" s="180"/>
      <c r="AL272" s="180"/>
      <c r="AM272" s="180"/>
      <c r="AN272" s="180"/>
      <c r="AO272" s="180"/>
      <c r="AP272" s="180"/>
      <c r="AQ272" s="180"/>
      <c r="AR272" s="180"/>
      <c r="AS272" s="180"/>
      <c r="AT272" s="180"/>
      <c r="AU272" s="180"/>
      <c r="AV272" s="180"/>
      <c r="AW272" s="180"/>
      <c r="AX272" s="180"/>
      <c r="AY272" s="180"/>
      <c r="AZ272" s="180"/>
      <c r="BA272" s="180"/>
      <c r="BB272" s="180"/>
      <c r="BC272" s="180"/>
      <c r="BD272" s="180"/>
      <c r="BE272" s="180"/>
      <c r="BF272" s="180"/>
      <c r="BG272" s="251"/>
      <c r="BH272" s="252"/>
      <c r="BI272" s="252"/>
      <c r="BJ272" s="253"/>
    </row>
    <row r="273" spans="4:62" ht="9.75" customHeight="1">
      <c r="D273" s="349"/>
      <c r="E273" s="350"/>
      <c r="F273" s="350"/>
      <c r="G273" s="351"/>
      <c r="H273" s="242"/>
      <c r="I273" s="243"/>
      <c r="J273" s="243"/>
      <c r="K273" s="243"/>
      <c r="L273" s="244"/>
      <c r="M273" s="22"/>
      <c r="N273" s="99"/>
      <c r="O273" s="100"/>
      <c r="P273" s="104"/>
      <c r="Q273" s="100"/>
      <c r="R273" s="100"/>
      <c r="S273" s="100"/>
      <c r="T273" s="104"/>
      <c r="U273" s="100"/>
      <c r="V273" s="100"/>
      <c r="W273" s="100"/>
      <c r="X273" s="104"/>
      <c r="Y273" s="100"/>
      <c r="Z273" s="100"/>
      <c r="AA273" s="100"/>
      <c r="AB273" s="104"/>
      <c r="AC273" s="100"/>
      <c r="AD273" s="100"/>
      <c r="AE273" s="100"/>
      <c r="AF273" s="104"/>
      <c r="AG273" s="100"/>
      <c r="AH273" s="100"/>
      <c r="AI273" s="100"/>
      <c r="AJ273" s="104"/>
      <c r="AK273" s="100"/>
      <c r="AL273" s="100"/>
      <c r="AM273" s="100"/>
      <c r="AN273" s="104"/>
      <c r="AO273" s="103"/>
      <c r="AP273" s="100"/>
      <c r="AQ273" s="100"/>
      <c r="AR273" s="104"/>
      <c r="AS273" s="100"/>
      <c r="AT273" s="100"/>
      <c r="AU273" s="100"/>
      <c r="AV273" s="100"/>
      <c r="AW273" s="103"/>
      <c r="AX273" s="100"/>
      <c r="AY273" s="100"/>
      <c r="AZ273" s="104"/>
      <c r="BA273" s="100"/>
      <c r="BB273" s="100"/>
      <c r="BC273" s="100"/>
      <c r="BD273" s="100"/>
      <c r="BG273" s="251"/>
      <c r="BH273" s="252"/>
      <c r="BI273" s="252"/>
      <c r="BJ273" s="253"/>
    </row>
    <row r="274" spans="4:62" ht="9.75" customHeight="1">
      <c r="D274" s="349"/>
      <c r="E274" s="350"/>
      <c r="F274" s="350"/>
      <c r="G274" s="351"/>
      <c r="H274" s="242"/>
      <c r="I274" s="243"/>
      <c r="J274" s="243"/>
      <c r="K274" s="243"/>
      <c r="L274" s="244"/>
      <c r="M274" s="22"/>
      <c r="N274" s="101"/>
      <c r="O274" s="102"/>
      <c r="P274" s="106"/>
      <c r="Q274" s="102"/>
      <c r="R274" s="102"/>
      <c r="S274" s="102"/>
      <c r="T274" s="106"/>
      <c r="U274" s="102"/>
      <c r="V274" s="102"/>
      <c r="W274" s="102"/>
      <c r="X274" s="106"/>
      <c r="Y274" s="102"/>
      <c r="Z274" s="102"/>
      <c r="AA274" s="102"/>
      <c r="AB274" s="106"/>
      <c r="AC274" s="102"/>
      <c r="AD274" s="102"/>
      <c r="AE274" s="102"/>
      <c r="AF274" s="106"/>
      <c r="AG274" s="102"/>
      <c r="AH274" s="102"/>
      <c r="AI274" s="102"/>
      <c r="AJ274" s="106"/>
      <c r="AK274" s="102"/>
      <c r="AL274" s="102"/>
      <c r="AM274" s="102"/>
      <c r="AN274" s="106"/>
      <c r="AO274" s="105"/>
      <c r="AP274" s="102"/>
      <c r="AQ274" s="102"/>
      <c r="AR274" s="106"/>
      <c r="AS274" s="102"/>
      <c r="AT274" s="102"/>
      <c r="AU274" s="102"/>
      <c r="AV274" s="102"/>
      <c r="AW274" s="105"/>
      <c r="AX274" s="102"/>
      <c r="AY274" s="102"/>
      <c r="AZ274" s="106"/>
      <c r="BA274" s="102"/>
      <c r="BB274" s="102"/>
      <c r="BC274" s="102"/>
      <c r="BD274" s="102"/>
      <c r="BG274" s="251"/>
      <c r="BH274" s="252"/>
      <c r="BI274" s="252"/>
      <c r="BJ274" s="253"/>
    </row>
    <row r="275" spans="4:62" ht="12" customHeight="1">
      <c r="D275" s="352"/>
      <c r="E275" s="353"/>
      <c r="F275" s="353"/>
      <c r="G275" s="354"/>
      <c r="H275" s="259"/>
      <c r="I275" s="260"/>
      <c r="J275" s="260"/>
      <c r="K275" s="260"/>
      <c r="L275" s="261"/>
      <c r="M275" s="47"/>
      <c r="N275" s="47"/>
      <c r="O275" s="179"/>
      <c r="P275" s="179"/>
      <c r="Q275" s="179"/>
      <c r="R275" s="179"/>
      <c r="S275" s="179"/>
      <c r="T275" s="179"/>
      <c r="U275" s="179"/>
      <c r="V275" s="179"/>
      <c r="W275" s="179"/>
      <c r="X275" s="179"/>
      <c r="Y275" s="179"/>
      <c r="Z275" s="179"/>
      <c r="AA275" s="179"/>
      <c r="AB275" s="179"/>
      <c r="AC275" s="179"/>
      <c r="AD275" s="179"/>
      <c r="AE275" s="179"/>
      <c r="AF275" s="179"/>
      <c r="AG275" s="179"/>
      <c r="AH275" s="179"/>
      <c r="AI275" s="179"/>
      <c r="AJ275" s="179"/>
      <c r="AK275" s="179"/>
      <c r="AL275" s="179"/>
      <c r="AM275" s="179"/>
      <c r="AN275" s="179"/>
      <c r="AO275" s="179"/>
      <c r="AP275" s="179"/>
      <c r="AQ275" s="179"/>
      <c r="AR275" s="179"/>
      <c r="AS275" s="179"/>
      <c r="AT275" s="179"/>
      <c r="AU275" s="179"/>
      <c r="AV275" s="179"/>
      <c r="AW275" s="179"/>
      <c r="AX275" s="179"/>
      <c r="AY275" s="179"/>
      <c r="AZ275" s="179"/>
      <c r="BA275" s="179"/>
      <c r="BB275" s="179"/>
      <c r="BC275" s="179"/>
      <c r="BD275" s="179"/>
      <c r="BE275" s="179"/>
      <c r="BF275" s="179"/>
      <c r="BG275" s="254"/>
      <c r="BH275" s="255"/>
      <c r="BI275" s="255"/>
      <c r="BJ275" s="256"/>
    </row>
    <row r="276" spans="4:62" ht="16.5" customHeight="1">
      <c r="D276" s="346"/>
      <c r="E276" s="347"/>
      <c r="F276" s="347"/>
      <c r="G276" s="348"/>
      <c r="H276" s="239" t="s">
        <v>125</v>
      </c>
      <c r="I276" s="240"/>
      <c r="J276" s="240"/>
      <c r="K276" s="240"/>
      <c r="L276" s="241"/>
      <c r="M276" s="180"/>
      <c r="N276" s="180"/>
      <c r="O276" s="180"/>
      <c r="P276" s="180"/>
      <c r="Q276" s="180"/>
      <c r="R276" s="180"/>
      <c r="S276" s="180"/>
      <c r="T276" s="180"/>
      <c r="U276" s="180"/>
      <c r="V276" s="180"/>
      <c r="W276" s="180"/>
      <c r="X276" s="180"/>
      <c r="Y276" s="180"/>
      <c r="Z276" s="180"/>
      <c r="AA276" s="180"/>
      <c r="AB276" s="180"/>
      <c r="AC276" s="180"/>
      <c r="AD276" s="180"/>
      <c r="AE276" s="180"/>
      <c r="AF276" s="180"/>
      <c r="AG276" s="180"/>
      <c r="AH276" s="180"/>
      <c r="AI276" s="180"/>
      <c r="AJ276" s="180"/>
      <c r="AK276" s="180"/>
      <c r="AL276" s="180"/>
      <c r="AM276" s="180"/>
      <c r="AN276" s="180"/>
      <c r="AO276" s="180"/>
      <c r="AP276" s="180"/>
      <c r="AQ276" s="180"/>
      <c r="AR276" s="180"/>
      <c r="AS276" s="180"/>
      <c r="AT276" s="180"/>
      <c r="AU276" s="180"/>
      <c r="AV276" s="180"/>
      <c r="AW276" s="180"/>
      <c r="AX276" s="180"/>
      <c r="AY276" s="180"/>
      <c r="AZ276" s="180"/>
      <c r="BA276" s="180"/>
      <c r="BB276" s="180"/>
      <c r="BC276" s="180"/>
      <c r="BD276" s="180"/>
      <c r="BE276" s="180"/>
      <c r="BF276" s="180"/>
      <c r="BG276" s="248"/>
      <c r="BH276" s="249"/>
      <c r="BI276" s="249"/>
      <c r="BJ276" s="250"/>
    </row>
    <row r="277" spans="4:62" ht="9.75" customHeight="1">
      <c r="D277" s="349"/>
      <c r="E277" s="350"/>
      <c r="F277" s="350"/>
      <c r="G277" s="351"/>
      <c r="H277" s="242"/>
      <c r="I277" s="243"/>
      <c r="J277" s="243"/>
      <c r="K277" s="243"/>
      <c r="L277" s="244"/>
      <c r="M277" s="22"/>
      <c r="N277" s="99"/>
      <c r="O277" s="100"/>
      <c r="P277" s="104"/>
      <c r="Q277" s="100"/>
      <c r="R277" s="100"/>
      <c r="S277" s="100"/>
      <c r="T277" s="104"/>
      <c r="U277" s="100"/>
      <c r="V277" s="100"/>
      <c r="W277" s="100"/>
      <c r="X277" s="104"/>
      <c r="Y277" s="100"/>
      <c r="Z277" s="100"/>
      <c r="AA277" s="100"/>
      <c r="AB277" s="104"/>
      <c r="AC277" s="100"/>
      <c r="AD277" s="100"/>
      <c r="AE277" s="100"/>
      <c r="AF277" s="104"/>
      <c r="AG277" s="100"/>
      <c r="AH277" s="100"/>
      <c r="AI277" s="100"/>
      <c r="AJ277" s="104"/>
      <c r="AK277" s="100"/>
      <c r="AL277" s="100"/>
      <c r="AM277" s="100"/>
      <c r="AN277" s="104"/>
      <c r="AO277" s="103"/>
      <c r="AP277" s="100"/>
      <c r="AQ277" s="100"/>
      <c r="AR277" s="104"/>
      <c r="AS277" s="100"/>
      <c r="AT277" s="100"/>
      <c r="AU277" s="100"/>
      <c r="AV277" s="100"/>
      <c r="AW277" s="103"/>
      <c r="AX277" s="100"/>
      <c r="AY277" s="100"/>
      <c r="AZ277" s="104"/>
      <c r="BA277" s="100"/>
      <c r="BB277" s="100"/>
      <c r="BC277" s="100"/>
      <c r="BD277" s="100"/>
      <c r="BF277" s="5"/>
      <c r="BG277" s="251"/>
      <c r="BH277" s="252"/>
      <c r="BI277" s="252"/>
      <c r="BJ277" s="253"/>
    </row>
    <row r="278" spans="4:62" ht="9.75" customHeight="1">
      <c r="D278" s="349"/>
      <c r="E278" s="350"/>
      <c r="F278" s="350"/>
      <c r="G278" s="351"/>
      <c r="H278" s="242"/>
      <c r="I278" s="243"/>
      <c r="J278" s="243"/>
      <c r="K278" s="243"/>
      <c r="L278" s="244"/>
      <c r="M278" s="22"/>
      <c r="N278" s="101"/>
      <c r="O278" s="102"/>
      <c r="P278" s="106"/>
      <c r="Q278" s="102"/>
      <c r="R278" s="102"/>
      <c r="S278" s="102"/>
      <c r="T278" s="106"/>
      <c r="U278" s="102"/>
      <c r="V278" s="102"/>
      <c r="W278" s="102"/>
      <c r="X278" s="106"/>
      <c r="Y278" s="102"/>
      <c r="Z278" s="102"/>
      <c r="AA278" s="102"/>
      <c r="AB278" s="106"/>
      <c r="AC278" s="102"/>
      <c r="AD278" s="102"/>
      <c r="AE278" s="102"/>
      <c r="AF278" s="106"/>
      <c r="AG278" s="102"/>
      <c r="AH278" s="102"/>
      <c r="AI278" s="102"/>
      <c r="AJ278" s="106"/>
      <c r="AK278" s="102"/>
      <c r="AL278" s="102"/>
      <c r="AM278" s="102"/>
      <c r="AN278" s="106"/>
      <c r="AO278" s="105"/>
      <c r="AP278" s="102"/>
      <c r="AQ278" s="102"/>
      <c r="AR278" s="106"/>
      <c r="AS278" s="102"/>
      <c r="AT278" s="102"/>
      <c r="AU278" s="102"/>
      <c r="AV278" s="102"/>
      <c r="AW278" s="105"/>
      <c r="AX278" s="102"/>
      <c r="AY278" s="102"/>
      <c r="AZ278" s="106"/>
      <c r="BA278" s="102"/>
      <c r="BB278" s="102"/>
      <c r="BC278" s="102"/>
      <c r="BD278" s="102"/>
      <c r="BF278" s="5"/>
      <c r="BG278" s="251"/>
      <c r="BH278" s="252"/>
      <c r="BI278" s="252"/>
      <c r="BJ278" s="253"/>
    </row>
    <row r="279" spans="4:62" ht="12" customHeight="1">
      <c r="D279" s="361"/>
      <c r="E279" s="362"/>
      <c r="F279" s="362"/>
      <c r="G279" s="363"/>
      <c r="H279" s="245"/>
      <c r="I279" s="246"/>
      <c r="J279" s="246"/>
      <c r="K279" s="246"/>
      <c r="L279" s="247"/>
      <c r="M279" s="33"/>
      <c r="N279" s="33"/>
      <c r="O279" s="194"/>
      <c r="P279" s="194"/>
      <c r="Q279" s="194"/>
      <c r="R279" s="194"/>
      <c r="S279" s="194"/>
      <c r="T279" s="194"/>
      <c r="U279" s="194"/>
      <c r="V279" s="194"/>
      <c r="W279" s="194"/>
      <c r="X279" s="194"/>
      <c r="Y279" s="194"/>
      <c r="Z279" s="194"/>
      <c r="AA279" s="194"/>
      <c r="AB279" s="194"/>
      <c r="AC279" s="194"/>
      <c r="AD279" s="194"/>
      <c r="AE279" s="194"/>
      <c r="AF279" s="194"/>
      <c r="AG279" s="194"/>
      <c r="AH279" s="194"/>
      <c r="AI279" s="194"/>
      <c r="AJ279" s="194"/>
      <c r="AK279" s="194"/>
      <c r="AL279" s="194"/>
      <c r="AM279" s="194"/>
      <c r="AN279" s="194"/>
      <c r="AO279" s="194"/>
      <c r="AP279" s="194"/>
      <c r="AQ279" s="194"/>
      <c r="AR279" s="194"/>
      <c r="AS279" s="194"/>
      <c r="AT279" s="194"/>
      <c r="AU279" s="194"/>
      <c r="AV279" s="194"/>
      <c r="AW279" s="194"/>
      <c r="AX279" s="194"/>
      <c r="AY279" s="194"/>
      <c r="AZ279" s="194"/>
      <c r="BA279" s="194"/>
      <c r="BB279" s="194"/>
      <c r="BC279" s="194"/>
      <c r="BD279" s="194"/>
      <c r="BE279" s="194"/>
      <c r="BF279" s="195"/>
      <c r="BG279" s="254"/>
      <c r="BH279" s="255"/>
      <c r="BI279" s="255"/>
      <c r="BJ279" s="256"/>
    </row>
    <row r="280" spans="4:62" ht="15.75" customHeight="1">
      <c r="D280" s="109"/>
      <c r="E280" s="198" t="s">
        <v>129</v>
      </c>
      <c r="AW280" s="331" t="s">
        <v>130</v>
      </c>
      <c r="AX280" s="207"/>
      <c r="AY280" s="207"/>
      <c r="AZ280" s="207"/>
      <c r="BA280" s="207"/>
      <c r="BB280" s="207"/>
      <c r="BC280" s="207"/>
      <c r="BD280" s="207"/>
      <c r="BE280" s="207"/>
      <c r="BF280" s="328"/>
      <c r="BG280" s="331"/>
      <c r="BH280" s="207"/>
      <c r="BI280" s="207"/>
      <c r="BJ280" s="328"/>
    </row>
    <row r="281" spans="4:62" ht="15.75" customHeight="1">
      <c r="D281" s="109"/>
      <c r="F281" s="198" t="s">
        <v>130</v>
      </c>
      <c r="AW281" s="326"/>
      <c r="AX281" s="208"/>
      <c r="AY281" s="208"/>
      <c r="AZ281" s="208"/>
      <c r="BA281" s="208"/>
      <c r="BB281" s="208"/>
      <c r="BC281" s="208"/>
      <c r="BD281" s="208"/>
      <c r="BE281" s="208"/>
      <c r="BF281" s="327"/>
      <c r="BG281" s="326"/>
      <c r="BH281" s="208"/>
      <c r="BI281" s="208"/>
      <c r="BJ281" s="327"/>
    </row>
    <row r="282" spans="4:62" ht="20.100000000000001" customHeight="1">
      <c r="D282" s="65"/>
      <c r="E282" s="130" t="s">
        <v>69</v>
      </c>
      <c r="F282" s="194"/>
      <c r="G282" s="208"/>
      <c r="H282" s="208"/>
      <c r="I282" s="208"/>
      <c r="J282" s="208"/>
      <c r="K282" s="208"/>
      <c r="L282" s="208"/>
      <c r="M282" s="194" t="s">
        <v>131</v>
      </c>
      <c r="N282" s="194"/>
      <c r="O282" s="194"/>
      <c r="P282" s="194"/>
      <c r="Q282" s="194"/>
      <c r="R282" s="194"/>
      <c r="S282" s="194"/>
      <c r="T282" s="194" t="s">
        <v>132</v>
      </c>
      <c r="U282" s="194"/>
      <c r="V282" s="194"/>
      <c r="W282" s="194"/>
      <c r="X282" s="194"/>
      <c r="Y282" s="194" t="s">
        <v>128</v>
      </c>
      <c r="Z282" s="194"/>
      <c r="AA282" s="194"/>
      <c r="AB282" s="194"/>
      <c r="AC282" s="194"/>
      <c r="AD282" s="194"/>
      <c r="AE282" s="194"/>
      <c r="AF282" s="194"/>
      <c r="AG282" s="194" t="s">
        <v>133</v>
      </c>
      <c r="AH282" s="194"/>
      <c r="AI282" s="194"/>
      <c r="AJ282" s="194"/>
      <c r="AK282" s="130" t="s">
        <v>69</v>
      </c>
      <c r="AL282" s="194"/>
      <c r="AM282" s="208"/>
      <c r="AN282" s="208"/>
      <c r="AO282" s="208"/>
      <c r="AP282" s="208"/>
      <c r="AQ282" s="208"/>
      <c r="AR282" s="208"/>
      <c r="AS282" s="194" t="s">
        <v>134</v>
      </c>
      <c r="AT282" s="194"/>
      <c r="AU282" s="194"/>
      <c r="AV282" s="194"/>
      <c r="AW282" s="194"/>
      <c r="AX282" s="194"/>
      <c r="AY282" s="194"/>
      <c r="AZ282" s="194"/>
      <c r="BA282" s="194"/>
      <c r="BB282" s="194"/>
      <c r="BC282" s="194"/>
      <c r="BD282" s="194"/>
      <c r="BE282" s="194"/>
      <c r="BF282" s="194"/>
      <c r="BG282" s="194"/>
      <c r="BH282" s="194"/>
      <c r="BI282" s="194"/>
      <c r="BJ282" s="195"/>
    </row>
    <row r="283" spans="4:62" ht="16.5" customHeight="1">
      <c r="D283" s="48" t="s">
        <v>135</v>
      </c>
      <c r="E283" s="22"/>
      <c r="F283" s="258" t="s">
        <v>262</v>
      </c>
      <c r="G283" s="258"/>
      <c r="H283" s="258"/>
      <c r="I283" s="258"/>
      <c r="J283" s="258"/>
      <c r="K283" s="258"/>
      <c r="L283" s="258"/>
      <c r="M283" s="258"/>
      <c r="N283" s="258"/>
      <c r="O283" s="258"/>
      <c r="P283" s="258"/>
      <c r="Q283" s="258"/>
      <c r="R283" s="258"/>
      <c r="S283" s="258"/>
      <c r="T283" s="258"/>
      <c r="U283" s="258"/>
      <c r="V283" s="258"/>
      <c r="W283" s="258"/>
      <c r="X283" s="258"/>
      <c r="Y283" s="258"/>
      <c r="Z283" s="258"/>
      <c r="AA283" s="258"/>
      <c r="AB283" s="258"/>
      <c r="AC283" s="258"/>
      <c r="AD283" s="258"/>
      <c r="AE283" s="258"/>
      <c r="AF283" s="258"/>
      <c r="AG283" s="258"/>
      <c r="AH283" s="258"/>
      <c r="AI283" s="258"/>
      <c r="AJ283" s="258"/>
      <c r="AK283" s="258"/>
      <c r="AL283" s="258"/>
      <c r="AM283" s="258"/>
      <c r="AN283" s="258"/>
      <c r="AO283" s="258"/>
      <c r="AP283" s="258"/>
      <c r="AQ283" s="258"/>
      <c r="AR283" s="258"/>
      <c r="AS283" s="258"/>
      <c r="AT283" s="258"/>
      <c r="AU283" s="258"/>
      <c r="AV283" s="258"/>
      <c r="AW283" s="258"/>
      <c r="AX283" s="258"/>
      <c r="AY283" s="258"/>
      <c r="AZ283" s="258"/>
      <c r="BA283" s="258"/>
      <c r="BB283" s="258"/>
      <c r="BC283" s="258"/>
      <c r="BD283" s="258"/>
      <c r="BE283" s="258"/>
      <c r="BF283" s="258"/>
      <c r="BG283" s="258"/>
      <c r="BH283" s="258"/>
      <c r="BI283" s="258"/>
      <c r="BJ283" s="258"/>
    </row>
    <row r="284" spans="4:62" ht="16.5" customHeight="1">
      <c r="D284" s="22"/>
      <c r="E284" s="22"/>
      <c r="F284" s="258"/>
      <c r="G284" s="258"/>
      <c r="H284" s="258"/>
      <c r="I284" s="258"/>
      <c r="J284" s="258"/>
      <c r="K284" s="258"/>
      <c r="L284" s="258"/>
      <c r="M284" s="258"/>
      <c r="N284" s="258"/>
      <c r="O284" s="258"/>
      <c r="P284" s="258"/>
      <c r="Q284" s="258"/>
      <c r="R284" s="258"/>
      <c r="S284" s="258"/>
      <c r="T284" s="258"/>
      <c r="U284" s="258"/>
      <c r="V284" s="258"/>
      <c r="W284" s="258"/>
      <c r="X284" s="258"/>
      <c r="Y284" s="258"/>
      <c r="Z284" s="258"/>
      <c r="AA284" s="258"/>
      <c r="AB284" s="258"/>
      <c r="AC284" s="258"/>
      <c r="AD284" s="258"/>
      <c r="AE284" s="258"/>
      <c r="AF284" s="258"/>
      <c r="AG284" s="258"/>
      <c r="AH284" s="258"/>
      <c r="AI284" s="258"/>
      <c r="AJ284" s="258"/>
      <c r="AK284" s="258"/>
      <c r="AL284" s="258"/>
      <c r="AM284" s="258"/>
      <c r="AN284" s="258"/>
      <c r="AO284" s="258"/>
      <c r="AP284" s="258"/>
      <c r="AQ284" s="258"/>
      <c r="AR284" s="258"/>
      <c r="AS284" s="258"/>
      <c r="AT284" s="258"/>
      <c r="AU284" s="258"/>
      <c r="AV284" s="258"/>
      <c r="AW284" s="258"/>
      <c r="AX284" s="258"/>
      <c r="AY284" s="258"/>
      <c r="AZ284" s="258"/>
      <c r="BA284" s="258"/>
      <c r="BB284" s="258"/>
      <c r="BC284" s="258"/>
      <c r="BD284" s="258"/>
      <c r="BE284" s="258"/>
      <c r="BF284" s="258"/>
      <c r="BG284" s="258"/>
      <c r="BH284" s="258"/>
      <c r="BI284" s="258"/>
      <c r="BJ284" s="258"/>
    </row>
    <row r="285" spans="4:62" ht="12" customHeight="1">
      <c r="D285" s="110"/>
      <c r="F285" s="22"/>
      <c r="G285" s="22"/>
      <c r="H285" s="22"/>
      <c r="I285" s="22"/>
      <c r="J285" s="22"/>
      <c r="K285" s="22"/>
      <c r="L285" s="22"/>
      <c r="M285" s="22"/>
      <c r="N285" s="22"/>
    </row>
    <row r="286" spans="4:62" ht="20.100000000000001" customHeight="1">
      <c r="D286" s="107" t="s">
        <v>265</v>
      </c>
      <c r="E286" s="26"/>
      <c r="F286" s="46"/>
      <c r="G286" s="46"/>
      <c r="H286" s="46"/>
      <c r="I286" s="46"/>
      <c r="J286" s="46"/>
      <c r="K286" s="46"/>
      <c r="L286" s="46"/>
      <c r="M286" s="46"/>
      <c r="N286" s="46"/>
      <c r="O286" s="26"/>
      <c r="P286" s="26"/>
      <c r="Q286" s="26"/>
      <c r="R286" s="26"/>
      <c r="S286" s="26"/>
      <c r="T286" s="26"/>
      <c r="U286" s="26"/>
      <c r="V286" s="26"/>
      <c r="W286" s="26"/>
      <c r="X286" s="26"/>
      <c r="Y286" s="26"/>
      <c r="Z286" s="26"/>
      <c r="AA286" s="26"/>
      <c r="AB286" s="26"/>
      <c r="AC286" s="26"/>
      <c r="AD286" s="26"/>
      <c r="AE286" s="26"/>
      <c r="AF286" s="26"/>
      <c r="AG286" s="26"/>
      <c r="AH286" s="26"/>
      <c r="AI286" s="26"/>
      <c r="AJ286" s="26"/>
      <c r="AK286" s="26"/>
      <c r="AL286" s="26"/>
      <c r="AM286" s="26"/>
      <c r="AN286" s="26"/>
      <c r="AO286" s="26"/>
      <c r="AP286" s="26"/>
      <c r="AQ286" s="26"/>
      <c r="AR286" s="26"/>
      <c r="AS286" s="26"/>
      <c r="AT286" s="26"/>
      <c r="AU286" s="26"/>
      <c r="AV286" s="26"/>
      <c r="AW286" s="26"/>
      <c r="AX286" s="26"/>
      <c r="AY286" s="26"/>
      <c r="AZ286" s="26"/>
      <c r="BA286" s="26"/>
      <c r="BB286" s="26"/>
      <c r="BC286" s="26"/>
      <c r="BD286" s="26"/>
      <c r="BE286" s="26"/>
      <c r="BF286" s="26"/>
      <c r="BG286" s="26"/>
      <c r="BH286" s="26"/>
      <c r="BI286" s="26"/>
      <c r="BJ286" s="27"/>
    </row>
    <row r="287" spans="4:62" ht="33.75" customHeight="1">
      <c r="D287" s="284" t="s">
        <v>111</v>
      </c>
      <c r="E287" s="262"/>
      <c r="F287" s="262"/>
      <c r="G287" s="262"/>
      <c r="H287" s="281" t="s">
        <v>112</v>
      </c>
      <c r="I287" s="282"/>
      <c r="J287" s="282"/>
      <c r="K287" s="282"/>
      <c r="L287" s="283"/>
      <c r="M287" s="340" t="s">
        <v>114</v>
      </c>
      <c r="N287" s="341"/>
      <c r="O287" s="341"/>
      <c r="P287" s="341"/>
      <c r="Q287" s="341"/>
      <c r="R287" s="341"/>
      <c r="S287" s="341"/>
      <c r="T287" s="341"/>
      <c r="U287" s="341"/>
      <c r="V287" s="341"/>
      <c r="W287" s="341"/>
      <c r="X287" s="341"/>
      <c r="Y287" s="341"/>
      <c r="Z287" s="341"/>
      <c r="AA287" s="341"/>
      <c r="AB287" s="341"/>
      <c r="AC287" s="341"/>
      <c r="AD287" s="341"/>
      <c r="AE287" s="341"/>
      <c r="AF287" s="341"/>
      <c r="AG287" s="341"/>
      <c r="AH287" s="341"/>
      <c r="AI287" s="341"/>
      <c r="AJ287" s="341"/>
      <c r="AK287" s="341"/>
      <c r="AL287" s="341"/>
      <c r="AM287" s="341"/>
      <c r="AN287" s="341"/>
      <c r="AO287" s="341"/>
      <c r="AP287" s="341"/>
      <c r="AQ287" s="341"/>
      <c r="AR287" s="341"/>
      <c r="AS287" s="341"/>
      <c r="AT287" s="341"/>
      <c r="AU287" s="341"/>
      <c r="AV287" s="341"/>
      <c r="AW287" s="341"/>
      <c r="AX287" s="341"/>
      <c r="AY287" s="341"/>
      <c r="AZ287" s="341"/>
      <c r="BA287" s="341"/>
      <c r="BB287" s="341"/>
      <c r="BC287" s="341"/>
      <c r="BD287" s="341"/>
      <c r="BE287" s="341"/>
      <c r="BF287" s="342"/>
      <c r="BG287" s="281" t="s">
        <v>113</v>
      </c>
      <c r="BH287" s="262"/>
      <c r="BI287" s="262"/>
      <c r="BJ287" s="285"/>
    </row>
    <row r="288" spans="4:62" ht="23.25" customHeight="1">
      <c r="D288" s="358"/>
      <c r="E288" s="359"/>
      <c r="F288" s="359"/>
      <c r="G288" s="360"/>
      <c r="H288" s="333" t="s">
        <v>125</v>
      </c>
      <c r="I288" s="334"/>
      <c r="J288" s="334"/>
      <c r="K288" s="334"/>
      <c r="L288" s="335"/>
      <c r="M288" s="197"/>
      <c r="N288" s="197" t="s">
        <v>115</v>
      </c>
      <c r="O288" s="197"/>
      <c r="P288" s="197"/>
      <c r="Q288" s="197"/>
      <c r="R288" s="197"/>
      <c r="S288" s="197"/>
      <c r="T288" s="197" t="s">
        <v>116</v>
      </c>
      <c r="U288" s="197"/>
      <c r="V288" s="197"/>
      <c r="W288" s="197"/>
      <c r="X288" s="197" t="s">
        <v>117</v>
      </c>
      <c r="Y288" s="197"/>
      <c r="Z288" s="197"/>
      <c r="AA288" s="197"/>
      <c r="AB288" s="197" t="s">
        <v>118</v>
      </c>
      <c r="AC288" s="197"/>
      <c r="AD288" s="197"/>
      <c r="AE288" s="197"/>
      <c r="AF288" s="197" t="s">
        <v>119</v>
      </c>
      <c r="AG288" s="197"/>
      <c r="AH288" s="197"/>
      <c r="AI288" s="197"/>
      <c r="AJ288" s="197" t="s">
        <v>120</v>
      </c>
      <c r="AK288" s="197"/>
      <c r="AL288" s="197"/>
      <c r="AM288" s="197"/>
      <c r="AN288" s="197" t="s">
        <v>121</v>
      </c>
      <c r="AO288" s="197"/>
      <c r="AP288" s="197"/>
      <c r="AQ288" s="197"/>
      <c r="AR288" s="197" t="s">
        <v>122</v>
      </c>
      <c r="AS288" s="197"/>
      <c r="AT288" s="197"/>
      <c r="AU288" s="197"/>
      <c r="AV288" s="197" t="s">
        <v>123</v>
      </c>
      <c r="AW288" s="197"/>
      <c r="AX288" s="197"/>
      <c r="AY288" s="197"/>
      <c r="AZ288" s="197" t="s">
        <v>124</v>
      </c>
      <c r="BA288" s="197"/>
      <c r="BB288" s="197"/>
      <c r="BC288" s="197"/>
      <c r="BD288" s="197"/>
      <c r="BE288" s="197"/>
      <c r="BF288" s="197"/>
      <c r="BG288" s="344"/>
      <c r="BH288" s="292"/>
      <c r="BI288" s="292"/>
      <c r="BJ288" s="345"/>
    </row>
    <row r="289" spans="4:62" ht="9.75" customHeight="1">
      <c r="D289" s="349"/>
      <c r="E289" s="350"/>
      <c r="F289" s="350"/>
      <c r="G289" s="351"/>
      <c r="H289" s="242"/>
      <c r="I289" s="243"/>
      <c r="J289" s="243"/>
      <c r="K289" s="243"/>
      <c r="L289" s="244"/>
      <c r="M289" s="22"/>
      <c r="N289" s="99"/>
      <c r="O289" s="100"/>
      <c r="P289" s="104"/>
      <c r="Q289" s="100"/>
      <c r="R289" s="100"/>
      <c r="S289" s="100"/>
      <c r="T289" s="104"/>
      <c r="U289" s="100"/>
      <c r="V289" s="100"/>
      <c r="W289" s="100"/>
      <c r="X289" s="104"/>
      <c r="Y289" s="100"/>
      <c r="Z289" s="100"/>
      <c r="AA289" s="100"/>
      <c r="AB289" s="104"/>
      <c r="AC289" s="100"/>
      <c r="AD289" s="100"/>
      <c r="AE289" s="100"/>
      <c r="AF289" s="104"/>
      <c r="AG289" s="100"/>
      <c r="AH289" s="100"/>
      <c r="AI289" s="100"/>
      <c r="AJ289" s="104"/>
      <c r="AK289" s="100"/>
      <c r="AL289" s="100"/>
      <c r="AM289" s="100"/>
      <c r="AN289" s="104"/>
      <c r="AO289" s="103"/>
      <c r="AP289" s="100"/>
      <c r="AQ289" s="100"/>
      <c r="AR289" s="104"/>
      <c r="AS289" s="100"/>
      <c r="AT289" s="100"/>
      <c r="AU289" s="100"/>
      <c r="AV289" s="100"/>
      <c r="AW289" s="103"/>
      <c r="AX289" s="100"/>
      <c r="AY289" s="100"/>
      <c r="AZ289" s="104"/>
      <c r="BA289" s="100"/>
      <c r="BB289" s="100"/>
      <c r="BC289" s="100"/>
      <c r="BD289" s="100"/>
      <c r="BG289" s="251"/>
      <c r="BH289" s="252"/>
      <c r="BI289" s="252"/>
      <c r="BJ289" s="253"/>
    </row>
    <row r="290" spans="4:62" ht="9.75" customHeight="1">
      <c r="D290" s="349"/>
      <c r="E290" s="350"/>
      <c r="F290" s="350"/>
      <c r="G290" s="351"/>
      <c r="H290" s="242"/>
      <c r="I290" s="243"/>
      <c r="J290" s="243"/>
      <c r="K290" s="243"/>
      <c r="L290" s="244"/>
      <c r="M290" s="22"/>
      <c r="N290" s="101"/>
      <c r="O290" s="102"/>
      <c r="P290" s="106"/>
      <c r="Q290" s="102"/>
      <c r="R290" s="102"/>
      <c r="S290" s="102"/>
      <c r="T290" s="106"/>
      <c r="U290" s="102"/>
      <c r="V290" s="102"/>
      <c r="W290" s="102"/>
      <c r="X290" s="106"/>
      <c r="Y290" s="102"/>
      <c r="Z290" s="102"/>
      <c r="AA290" s="102"/>
      <c r="AB290" s="106"/>
      <c r="AC290" s="102"/>
      <c r="AD290" s="102"/>
      <c r="AE290" s="102"/>
      <c r="AF290" s="106"/>
      <c r="AG290" s="102"/>
      <c r="AH290" s="102"/>
      <c r="AI290" s="102"/>
      <c r="AJ290" s="106"/>
      <c r="AK290" s="102"/>
      <c r="AL290" s="102"/>
      <c r="AM290" s="102"/>
      <c r="AN290" s="106"/>
      <c r="AO290" s="105"/>
      <c r="AP290" s="102"/>
      <c r="AQ290" s="102"/>
      <c r="AR290" s="106"/>
      <c r="AS290" s="102"/>
      <c r="AT290" s="102"/>
      <c r="AU290" s="102"/>
      <c r="AV290" s="102"/>
      <c r="AW290" s="105"/>
      <c r="AX290" s="102"/>
      <c r="AY290" s="102"/>
      <c r="AZ290" s="106"/>
      <c r="BA290" s="102"/>
      <c r="BB290" s="102"/>
      <c r="BC290" s="102"/>
      <c r="BD290" s="102"/>
      <c r="BG290" s="251"/>
      <c r="BH290" s="252"/>
      <c r="BI290" s="252"/>
      <c r="BJ290" s="253"/>
    </row>
    <row r="291" spans="4:62" ht="12" customHeight="1">
      <c r="D291" s="352"/>
      <c r="E291" s="353"/>
      <c r="F291" s="353"/>
      <c r="G291" s="354"/>
      <c r="H291" s="242"/>
      <c r="I291" s="243"/>
      <c r="J291" s="243"/>
      <c r="K291" s="243"/>
      <c r="L291" s="244"/>
      <c r="M291" s="22"/>
      <c r="N291" s="22"/>
      <c r="BG291" s="251"/>
      <c r="BH291" s="252"/>
      <c r="BI291" s="252"/>
      <c r="BJ291" s="253"/>
    </row>
    <row r="292" spans="4:62" ht="16.5" customHeight="1">
      <c r="D292" s="346"/>
      <c r="E292" s="347"/>
      <c r="F292" s="347"/>
      <c r="G292" s="348"/>
      <c r="H292" s="239" t="s">
        <v>125</v>
      </c>
      <c r="I292" s="240"/>
      <c r="J292" s="240"/>
      <c r="K292" s="240"/>
      <c r="L292" s="241"/>
      <c r="M292" s="180"/>
      <c r="N292" s="180"/>
      <c r="O292" s="180"/>
      <c r="P292" s="180"/>
      <c r="Q292" s="180"/>
      <c r="R292" s="180"/>
      <c r="S292" s="180"/>
      <c r="T292" s="180"/>
      <c r="U292" s="180"/>
      <c r="V292" s="180"/>
      <c r="W292" s="180"/>
      <c r="X292" s="180"/>
      <c r="Y292" s="180"/>
      <c r="Z292" s="180"/>
      <c r="AA292" s="180"/>
      <c r="AB292" s="180"/>
      <c r="AC292" s="180"/>
      <c r="AD292" s="180"/>
      <c r="AE292" s="180"/>
      <c r="AF292" s="180"/>
      <c r="AG292" s="180"/>
      <c r="AH292" s="180"/>
      <c r="AI292" s="180"/>
      <c r="AJ292" s="180"/>
      <c r="AK292" s="180"/>
      <c r="AL292" s="180"/>
      <c r="AM292" s="180"/>
      <c r="AN292" s="180"/>
      <c r="AO292" s="180"/>
      <c r="AP292" s="180"/>
      <c r="AQ292" s="180"/>
      <c r="AR292" s="180"/>
      <c r="AS292" s="180"/>
      <c r="AT292" s="180"/>
      <c r="AU292" s="180"/>
      <c r="AV292" s="180"/>
      <c r="AW292" s="180"/>
      <c r="AX292" s="180"/>
      <c r="AY292" s="180"/>
      <c r="AZ292" s="180"/>
      <c r="BA292" s="180"/>
      <c r="BB292" s="180"/>
      <c r="BC292" s="180"/>
      <c r="BD292" s="180"/>
      <c r="BE292" s="180"/>
      <c r="BF292" s="180"/>
      <c r="BG292" s="248"/>
      <c r="BH292" s="249"/>
      <c r="BI292" s="249"/>
      <c r="BJ292" s="250"/>
    </row>
    <row r="293" spans="4:62" ht="9.75" customHeight="1">
      <c r="D293" s="349"/>
      <c r="E293" s="350"/>
      <c r="F293" s="350"/>
      <c r="G293" s="351"/>
      <c r="H293" s="242"/>
      <c r="I293" s="243"/>
      <c r="J293" s="243"/>
      <c r="K293" s="243"/>
      <c r="L293" s="244"/>
      <c r="M293" s="22"/>
      <c r="N293" s="99"/>
      <c r="O293" s="100"/>
      <c r="P293" s="104"/>
      <c r="Q293" s="100"/>
      <c r="R293" s="100"/>
      <c r="S293" s="100"/>
      <c r="T293" s="104"/>
      <c r="U293" s="100"/>
      <c r="V293" s="100"/>
      <c r="W293" s="100"/>
      <c r="X293" s="104"/>
      <c r="Y293" s="100"/>
      <c r="Z293" s="100"/>
      <c r="AA293" s="100"/>
      <c r="AB293" s="104"/>
      <c r="AC293" s="100"/>
      <c r="AD293" s="100"/>
      <c r="AE293" s="100"/>
      <c r="AF293" s="104"/>
      <c r="AG293" s="100"/>
      <c r="AH293" s="100"/>
      <c r="AI293" s="100"/>
      <c r="AJ293" s="104"/>
      <c r="AK293" s="100"/>
      <c r="AL293" s="100"/>
      <c r="AM293" s="100"/>
      <c r="AN293" s="104"/>
      <c r="AO293" s="103"/>
      <c r="AP293" s="100"/>
      <c r="AQ293" s="100"/>
      <c r="AR293" s="104"/>
      <c r="AS293" s="100"/>
      <c r="AT293" s="100"/>
      <c r="AU293" s="100"/>
      <c r="AV293" s="100"/>
      <c r="AW293" s="103"/>
      <c r="AX293" s="100"/>
      <c r="AY293" s="100"/>
      <c r="AZ293" s="104"/>
      <c r="BA293" s="100"/>
      <c r="BB293" s="100"/>
      <c r="BC293" s="100"/>
      <c r="BD293" s="100"/>
      <c r="BG293" s="251"/>
      <c r="BH293" s="252"/>
      <c r="BI293" s="252"/>
      <c r="BJ293" s="253"/>
    </row>
    <row r="294" spans="4:62" ht="9.75" customHeight="1">
      <c r="D294" s="349"/>
      <c r="E294" s="350"/>
      <c r="F294" s="350"/>
      <c r="G294" s="351"/>
      <c r="H294" s="242"/>
      <c r="I294" s="243"/>
      <c r="J294" s="243"/>
      <c r="K294" s="243"/>
      <c r="L294" s="244"/>
      <c r="M294" s="22"/>
      <c r="N294" s="101"/>
      <c r="O294" s="102"/>
      <c r="P294" s="106"/>
      <c r="Q294" s="102"/>
      <c r="R294" s="102"/>
      <c r="S294" s="102"/>
      <c r="T294" s="106"/>
      <c r="U294" s="102"/>
      <c r="V294" s="102"/>
      <c r="W294" s="102"/>
      <c r="X294" s="106"/>
      <c r="Y294" s="102"/>
      <c r="Z294" s="102"/>
      <c r="AA294" s="102"/>
      <c r="AB294" s="106"/>
      <c r="AC294" s="102"/>
      <c r="AD294" s="102"/>
      <c r="AE294" s="102"/>
      <c r="AF294" s="106"/>
      <c r="AG294" s="102"/>
      <c r="AH294" s="102"/>
      <c r="AI294" s="102"/>
      <c r="AJ294" s="106"/>
      <c r="AK294" s="102"/>
      <c r="AL294" s="102"/>
      <c r="AM294" s="102"/>
      <c r="AN294" s="106"/>
      <c r="AO294" s="105"/>
      <c r="AP294" s="102"/>
      <c r="AQ294" s="102"/>
      <c r="AR294" s="106"/>
      <c r="AS294" s="102"/>
      <c r="AT294" s="102"/>
      <c r="AU294" s="102"/>
      <c r="AV294" s="102"/>
      <c r="AW294" s="105"/>
      <c r="AX294" s="102"/>
      <c r="AY294" s="102"/>
      <c r="AZ294" s="106"/>
      <c r="BA294" s="102"/>
      <c r="BB294" s="102"/>
      <c r="BC294" s="102"/>
      <c r="BD294" s="102"/>
      <c r="BG294" s="251"/>
      <c r="BH294" s="252"/>
      <c r="BI294" s="252"/>
      <c r="BJ294" s="253"/>
    </row>
    <row r="295" spans="4:62" ht="12" customHeight="1">
      <c r="D295" s="349"/>
      <c r="E295" s="350"/>
      <c r="F295" s="350"/>
      <c r="G295" s="351"/>
      <c r="H295" s="242"/>
      <c r="I295" s="243"/>
      <c r="J295" s="243"/>
      <c r="K295" s="243"/>
      <c r="L295" s="244"/>
      <c r="M295" s="22"/>
      <c r="N295" s="22"/>
      <c r="BG295" s="251"/>
      <c r="BH295" s="252"/>
      <c r="BI295" s="252"/>
      <c r="BJ295" s="253"/>
    </row>
    <row r="296" spans="4:62" ht="16.5" customHeight="1">
      <c r="D296" s="346"/>
      <c r="E296" s="347"/>
      <c r="F296" s="347"/>
      <c r="G296" s="348"/>
      <c r="H296" s="239" t="s">
        <v>125</v>
      </c>
      <c r="I296" s="240"/>
      <c r="J296" s="240"/>
      <c r="K296" s="240"/>
      <c r="L296" s="241"/>
      <c r="M296" s="180"/>
      <c r="N296" s="180"/>
      <c r="O296" s="180"/>
      <c r="P296" s="180"/>
      <c r="Q296" s="180"/>
      <c r="R296" s="180"/>
      <c r="S296" s="180"/>
      <c r="T296" s="180"/>
      <c r="U296" s="180"/>
      <c r="V296" s="180"/>
      <c r="W296" s="180"/>
      <c r="X296" s="180"/>
      <c r="Y296" s="180"/>
      <c r="Z296" s="180"/>
      <c r="AA296" s="180"/>
      <c r="AB296" s="180"/>
      <c r="AC296" s="180"/>
      <c r="AD296" s="180"/>
      <c r="AE296" s="180"/>
      <c r="AF296" s="180"/>
      <c r="AG296" s="180"/>
      <c r="AH296" s="180"/>
      <c r="AI296" s="180"/>
      <c r="AJ296" s="180"/>
      <c r="AK296" s="180"/>
      <c r="AL296" s="180"/>
      <c r="AM296" s="180"/>
      <c r="AN296" s="180"/>
      <c r="AO296" s="180"/>
      <c r="AP296" s="180"/>
      <c r="AQ296" s="180"/>
      <c r="AR296" s="180"/>
      <c r="AS296" s="180"/>
      <c r="AT296" s="180"/>
      <c r="AU296" s="180"/>
      <c r="AV296" s="180"/>
      <c r="AW296" s="180"/>
      <c r="AX296" s="180"/>
      <c r="AY296" s="180"/>
      <c r="AZ296" s="180"/>
      <c r="BA296" s="180"/>
      <c r="BB296" s="180"/>
      <c r="BC296" s="180"/>
      <c r="BD296" s="180"/>
      <c r="BE296" s="180"/>
      <c r="BF296" s="180"/>
      <c r="BG296" s="248"/>
      <c r="BH296" s="249"/>
      <c r="BI296" s="249"/>
      <c r="BJ296" s="250"/>
    </row>
    <row r="297" spans="4:62" ht="9.75" customHeight="1">
      <c r="D297" s="349"/>
      <c r="E297" s="350"/>
      <c r="F297" s="350"/>
      <c r="G297" s="351"/>
      <c r="H297" s="242"/>
      <c r="I297" s="243"/>
      <c r="J297" s="243"/>
      <c r="K297" s="243"/>
      <c r="L297" s="244"/>
      <c r="M297" s="22"/>
      <c r="N297" s="99"/>
      <c r="O297" s="100"/>
      <c r="P297" s="104"/>
      <c r="Q297" s="100"/>
      <c r="R297" s="100"/>
      <c r="S297" s="100"/>
      <c r="T297" s="104"/>
      <c r="U297" s="100"/>
      <c r="V297" s="100"/>
      <c r="W297" s="100"/>
      <c r="X297" s="104"/>
      <c r="Y297" s="100"/>
      <c r="Z297" s="100"/>
      <c r="AA297" s="100"/>
      <c r="AB297" s="104"/>
      <c r="AC297" s="100"/>
      <c r="AD297" s="100"/>
      <c r="AE297" s="100"/>
      <c r="AF297" s="104"/>
      <c r="AG297" s="100"/>
      <c r="AH297" s="100"/>
      <c r="AI297" s="100"/>
      <c r="AJ297" s="104"/>
      <c r="AK297" s="100"/>
      <c r="AL297" s="100"/>
      <c r="AM297" s="100"/>
      <c r="AN297" s="104"/>
      <c r="AO297" s="103"/>
      <c r="AP297" s="100"/>
      <c r="AQ297" s="100"/>
      <c r="AR297" s="104"/>
      <c r="AS297" s="100"/>
      <c r="AT297" s="100"/>
      <c r="AU297" s="100"/>
      <c r="AV297" s="100"/>
      <c r="AW297" s="103"/>
      <c r="AX297" s="100"/>
      <c r="AY297" s="100"/>
      <c r="AZ297" s="104"/>
      <c r="BA297" s="100"/>
      <c r="BB297" s="100"/>
      <c r="BC297" s="100"/>
      <c r="BD297" s="100"/>
      <c r="BG297" s="251"/>
      <c r="BH297" s="252"/>
      <c r="BI297" s="252"/>
      <c r="BJ297" s="253"/>
    </row>
    <row r="298" spans="4:62" ht="9.75" customHeight="1">
      <c r="D298" s="349"/>
      <c r="E298" s="350"/>
      <c r="F298" s="350"/>
      <c r="G298" s="351"/>
      <c r="H298" s="242"/>
      <c r="I298" s="243"/>
      <c r="J298" s="243"/>
      <c r="K298" s="243"/>
      <c r="L298" s="244"/>
      <c r="M298" s="22"/>
      <c r="N298" s="101"/>
      <c r="O298" s="102"/>
      <c r="P298" s="106"/>
      <c r="Q298" s="102"/>
      <c r="R298" s="102"/>
      <c r="S298" s="102"/>
      <c r="T298" s="106"/>
      <c r="U298" s="102"/>
      <c r="V298" s="102"/>
      <c r="W298" s="102"/>
      <c r="X298" s="106"/>
      <c r="Y298" s="102"/>
      <c r="Z298" s="102"/>
      <c r="AA298" s="102"/>
      <c r="AB298" s="106"/>
      <c r="AC298" s="102"/>
      <c r="AD298" s="102"/>
      <c r="AE298" s="102"/>
      <c r="AF298" s="106"/>
      <c r="AG298" s="102"/>
      <c r="AH298" s="102"/>
      <c r="AI298" s="102"/>
      <c r="AJ298" s="106"/>
      <c r="AK298" s="102"/>
      <c r="AL298" s="102"/>
      <c r="AM298" s="102"/>
      <c r="AN298" s="106"/>
      <c r="AO298" s="105"/>
      <c r="AP298" s="102"/>
      <c r="AQ298" s="102"/>
      <c r="AR298" s="106"/>
      <c r="AS298" s="102"/>
      <c r="AT298" s="102"/>
      <c r="AU298" s="102"/>
      <c r="AV298" s="102"/>
      <c r="AW298" s="105"/>
      <c r="AX298" s="102"/>
      <c r="AY298" s="102"/>
      <c r="AZ298" s="106"/>
      <c r="BA298" s="102"/>
      <c r="BB298" s="102"/>
      <c r="BC298" s="102"/>
      <c r="BD298" s="102"/>
      <c r="BG298" s="251"/>
      <c r="BH298" s="252"/>
      <c r="BI298" s="252"/>
      <c r="BJ298" s="253"/>
    </row>
    <row r="299" spans="4:62" ht="12" customHeight="1">
      <c r="D299" s="352"/>
      <c r="E299" s="353"/>
      <c r="F299" s="353"/>
      <c r="G299" s="354"/>
      <c r="H299" s="259"/>
      <c r="I299" s="260"/>
      <c r="J299" s="260"/>
      <c r="K299" s="260"/>
      <c r="L299" s="261"/>
      <c r="M299" s="47"/>
      <c r="N299" s="47"/>
      <c r="O299" s="179"/>
      <c r="P299" s="179"/>
      <c r="Q299" s="179"/>
      <c r="R299" s="179"/>
      <c r="S299" s="179"/>
      <c r="T299" s="179"/>
      <c r="U299" s="179"/>
      <c r="V299" s="179"/>
      <c r="W299" s="179"/>
      <c r="X299" s="179"/>
      <c r="Y299" s="179"/>
      <c r="Z299" s="179"/>
      <c r="AA299" s="179"/>
      <c r="AB299" s="179"/>
      <c r="AC299" s="179"/>
      <c r="AD299" s="179"/>
      <c r="AE299" s="179"/>
      <c r="AF299" s="179"/>
      <c r="AG299" s="179"/>
      <c r="AH299" s="179"/>
      <c r="AI299" s="179"/>
      <c r="AJ299" s="179"/>
      <c r="AK299" s="179"/>
      <c r="AL299" s="179"/>
      <c r="AM299" s="179"/>
      <c r="AN299" s="179"/>
      <c r="AO299" s="179"/>
      <c r="AP299" s="179"/>
      <c r="AQ299" s="179"/>
      <c r="AR299" s="179"/>
      <c r="AS299" s="179"/>
      <c r="AT299" s="179"/>
      <c r="AU299" s="179"/>
      <c r="AV299" s="179"/>
      <c r="AW299" s="179"/>
      <c r="AX299" s="179"/>
      <c r="AY299" s="179"/>
      <c r="AZ299" s="179"/>
      <c r="BA299" s="179"/>
      <c r="BB299" s="179"/>
      <c r="BC299" s="179"/>
      <c r="BD299" s="179"/>
      <c r="BE299" s="179"/>
      <c r="BF299" s="179"/>
      <c r="BG299" s="254"/>
      <c r="BH299" s="255"/>
      <c r="BI299" s="255"/>
      <c r="BJ299" s="256"/>
    </row>
    <row r="300" spans="4:62" ht="16.5" customHeight="1">
      <c r="D300" s="349"/>
      <c r="E300" s="350"/>
      <c r="F300" s="350"/>
      <c r="G300" s="351"/>
      <c r="H300" s="242" t="s">
        <v>125</v>
      </c>
      <c r="I300" s="243"/>
      <c r="J300" s="243"/>
      <c r="K300" s="243"/>
      <c r="L300" s="244"/>
      <c r="M300" s="180"/>
      <c r="N300" s="180"/>
      <c r="O300" s="180"/>
      <c r="P300" s="180"/>
      <c r="Q300" s="180"/>
      <c r="R300" s="180"/>
      <c r="S300" s="180"/>
      <c r="T300" s="180"/>
      <c r="U300" s="180"/>
      <c r="V300" s="180"/>
      <c r="W300" s="180"/>
      <c r="X300" s="180"/>
      <c r="Y300" s="180"/>
      <c r="Z300" s="180"/>
      <c r="AA300" s="180"/>
      <c r="AB300" s="180"/>
      <c r="AC300" s="180"/>
      <c r="AD300" s="180"/>
      <c r="AE300" s="180"/>
      <c r="AF300" s="180"/>
      <c r="AG300" s="180"/>
      <c r="AH300" s="180"/>
      <c r="AI300" s="180"/>
      <c r="AJ300" s="180"/>
      <c r="AK300" s="180"/>
      <c r="AL300" s="180"/>
      <c r="AM300" s="180"/>
      <c r="AN300" s="180"/>
      <c r="AO300" s="180"/>
      <c r="AP300" s="180"/>
      <c r="AQ300" s="180"/>
      <c r="AR300" s="180"/>
      <c r="AS300" s="180"/>
      <c r="AT300" s="180"/>
      <c r="AU300" s="180"/>
      <c r="AV300" s="180"/>
      <c r="AW300" s="180"/>
      <c r="AX300" s="180"/>
      <c r="AY300" s="180"/>
      <c r="AZ300" s="180"/>
      <c r="BA300" s="180"/>
      <c r="BB300" s="180"/>
      <c r="BC300" s="180"/>
      <c r="BD300" s="180"/>
      <c r="BE300" s="180"/>
      <c r="BF300" s="180"/>
      <c r="BG300" s="251"/>
      <c r="BH300" s="252"/>
      <c r="BI300" s="252"/>
      <c r="BJ300" s="253"/>
    </row>
    <row r="301" spans="4:62" ht="9.75" customHeight="1">
      <c r="D301" s="349"/>
      <c r="E301" s="350"/>
      <c r="F301" s="350"/>
      <c r="G301" s="351"/>
      <c r="H301" s="242"/>
      <c r="I301" s="243"/>
      <c r="J301" s="243"/>
      <c r="K301" s="243"/>
      <c r="L301" s="244"/>
      <c r="M301" s="22"/>
      <c r="N301" s="99"/>
      <c r="O301" s="100"/>
      <c r="P301" s="104"/>
      <c r="Q301" s="100"/>
      <c r="R301" s="100"/>
      <c r="S301" s="100"/>
      <c r="T301" s="104"/>
      <c r="U301" s="100"/>
      <c r="V301" s="100"/>
      <c r="W301" s="100"/>
      <c r="X301" s="104"/>
      <c r="Y301" s="100"/>
      <c r="Z301" s="100"/>
      <c r="AA301" s="100"/>
      <c r="AB301" s="104"/>
      <c r="AC301" s="100"/>
      <c r="AD301" s="100"/>
      <c r="AE301" s="100"/>
      <c r="AF301" s="104"/>
      <c r="AG301" s="100"/>
      <c r="AH301" s="100"/>
      <c r="AI301" s="100"/>
      <c r="AJ301" s="104"/>
      <c r="AK301" s="100"/>
      <c r="AL301" s="100"/>
      <c r="AM301" s="100"/>
      <c r="AN301" s="104"/>
      <c r="AO301" s="103"/>
      <c r="AP301" s="100"/>
      <c r="AQ301" s="100"/>
      <c r="AR301" s="104"/>
      <c r="AS301" s="100"/>
      <c r="AT301" s="100"/>
      <c r="AU301" s="100"/>
      <c r="AV301" s="100"/>
      <c r="AW301" s="103"/>
      <c r="AX301" s="100"/>
      <c r="AY301" s="100"/>
      <c r="AZ301" s="104"/>
      <c r="BA301" s="100"/>
      <c r="BB301" s="100"/>
      <c r="BC301" s="100"/>
      <c r="BD301" s="100"/>
      <c r="BG301" s="251"/>
      <c r="BH301" s="252"/>
      <c r="BI301" s="252"/>
      <c r="BJ301" s="253"/>
    </row>
    <row r="302" spans="4:62" ht="9.75" customHeight="1">
      <c r="D302" s="349"/>
      <c r="E302" s="350"/>
      <c r="F302" s="350"/>
      <c r="G302" s="351"/>
      <c r="H302" s="242"/>
      <c r="I302" s="243"/>
      <c r="J302" s="243"/>
      <c r="K302" s="243"/>
      <c r="L302" s="244"/>
      <c r="M302" s="22"/>
      <c r="N302" s="101"/>
      <c r="O302" s="102"/>
      <c r="P302" s="106"/>
      <c r="Q302" s="102"/>
      <c r="R302" s="102"/>
      <c r="S302" s="102"/>
      <c r="T302" s="106"/>
      <c r="U302" s="102"/>
      <c r="V302" s="102"/>
      <c r="W302" s="102"/>
      <c r="X302" s="106"/>
      <c r="Y302" s="102"/>
      <c r="Z302" s="102"/>
      <c r="AA302" s="102"/>
      <c r="AB302" s="106"/>
      <c r="AC302" s="102"/>
      <c r="AD302" s="102"/>
      <c r="AE302" s="102"/>
      <c r="AF302" s="106"/>
      <c r="AG302" s="102"/>
      <c r="AH302" s="102"/>
      <c r="AI302" s="102"/>
      <c r="AJ302" s="106"/>
      <c r="AK302" s="102"/>
      <c r="AL302" s="102"/>
      <c r="AM302" s="102"/>
      <c r="AN302" s="106"/>
      <c r="AO302" s="105"/>
      <c r="AP302" s="102"/>
      <c r="AQ302" s="102"/>
      <c r="AR302" s="106"/>
      <c r="AS302" s="102"/>
      <c r="AT302" s="102"/>
      <c r="AU302" s="102"/>
      <c r="AV302" s="102"/>
      <c r="AW302" s="105"/>
      <c r="AX302" s="102"/>
      <c r="AY302" s="102"/>
      <c r="AZ302" s="106"/>
      <c r="BA302" s="102"/>
      <c r="BB302" s="102"/>
      <c r="BC302" s="102"/>
      <c r="BD302" s="102"/>
      <c r="BG302" s="251"/>
      <c r="BH302" s="252"/>
      <c r="BI302" s="252"/>
      <c r="BJ302" s="253"/>
    </row>
    <row r="303" spans="4:62" ht="12" customHeight="1">
      <c r="D303" s="352"/>
      <c r="E303" s="353"/>
      <c r="F303" s="353"/>
      <c r="G303" s="354"/>
      <c r="H303" s="259"/>
      <c r="I303" s="260"/>
      <c r="J303" s="260"/>
      <c r="K303" s="260"/>
      <c r="L303" s="261"/>
      <c r="M303" s="47"/>
      <c r="N303" s="47"/>
      <c r="O303" s="179"/>
      <c r="P303" s="179"/>
      <c r="Q303" s="179"/>
      <c r="R303" s="179"/>
      <c r="S303" s="179"/>
      <c r="T303" s="179"/>
      <c r="U303" s="179"/>
      <c r="V303" s="179"/>
      <c r="W303" s="179"/>
      <c r="X303" s="179"/>
      <c r="Y303" s="179"/>
      <c r="Z303" s="179"/>
      <c r="AA303" s="179"/>
      <c r="AB303" s="179"/>
      <c r="AC303" s="179"/>
      <c r="AD303" s="179"/>
      <c r="AE303" s="179"/>
      <c r="AF303" s="179"/>
      <c r="AG303" s="179"/>
      <c r="AH303" s="179"/>
      <c r="AI303" s="179"/>
      <c r="AJ303" s="179"/>
      <c r="AK303" s="179"/>
      <c r="AL303" s="179"/>
      <c r="AM303" s="179"/>
      <c r="AN303" s="179"/>
      <c r="AO303" s="179"/>
      <c r="AP303" s="179"/>
      <c r="AQ303" s="179"/>
      <c r="AR303" s="179"/>
      <c r="AS303" s="179"/>
      <c r="AT303" s="179"/>
      <c r="AU303" s="179"/>
      <c r="AV303" s="179"/>
      <c r="AW303" s="179"/>
      <c r="AX303" s="179"/>
      <c r="AY303" s="179"/>
      <c r="AZ303" s="179"/>
      <c r="BA303" s="179"/>
      <c r="BB303" s="179"/>
      <c r="BC303" s="179"/>
      <c r="BD303" s="179"/>
      <c r="BE303" s="179"/>
      <c r="BF303" s="179"/>
      <c r="BG303" s="254"/>
      <c r="BH303" s="255"/>
      <c r="BI303" s="255"/>
      <c r="BJ303" s="256"/>
    </row>
    <row r="304" spans="4:62" ht="16.5" customHeight="1">
      <c r="D304" s="346"/>
      <c r="E304" s="347"/>
      <c r="F304" s="347"/>
      <c r="G304" s="348"/>
      <c r="H304" s="239" t="s">
        <v>125</v>
      </c>
      <c r="I304" s="240"/>
      <c r="J304" s="240"/>
      <c r="K304" s="240"/>
      <c r="L304" s="241"/>
      <c r="M304" s="180"/>
      <c r="N304" s="180"/>
      <c r="O304" s="180"/>
      <c r="P304" s="180"/>
      <c r="Q304" s="180"/>
      <c r="R304" s="180"/>
      <c r="S304" s="180"/>
      <c r="T304" s="180"/>
      <c r="U304" s="180"/>
      <c r="V304" s="180"/>
      <c r="W304" s="180"/>
      <c r="X304" s="180"/>
      <c r="Y304" s="180"/>
      <c r="Z304" s="180"/>
      <c r="AA304" s="180"/>
      <c r="AB304" s="180"/>
      <c r="AC304" s="180"/>
      <c r="AD304" s="180"/>
      <c r="AE304" s="180"/>
      <c r="AF304" s="180"/>
      <c r="AG304" s="180"/>
      <c r="AH304" s="180"/>
      <c r="AI304" s="180"/>
      <c r="AJ304" s="180"/>
      <c r="AK304" s="180"/>
      <c r="AL304" s="180"/>
      <c r="AM304" s="180"/>
      <c r="AN304" s="180"/>
      <c r="AO304" s="180"/>
      <c r="AP304" s="180"/>
      <c r="AQ304" s="180"/>
      <c r="AR304" s="180"/>
      <c r="AS304" s="180"/>
      <c r="AT304" s="180"/>
      <c r="AU304" s="180"/>
      <c r="AV304" s="180"/>
      <c r="AW304" s="180"/>
      <c r="AX304" s="180"/>
      <c r="AY304" s="180"/>
      <c r="AZ304" s="180"/>
      <c r="BA304" s="180"/>
      <c r="BB304" s="180"/>
      <c r="BC304" s="180"/>
      <c r="BD304" s="180"/>
      <c r="BE304" s="180"/>
      <c r="BF304" s="180"/>
      <c r="BG304" s="248"/>
      <c r="BH304" s="249"/>
      <c r="BI304" s="249"/>
      <c r="BJ304" s="250"/>
    </row>
    <row r="305" spans="4:66" ht="9.75" customHeight="1">
      <c r="D305" s="349"/>
      <c r="E305" s="350"/>
      <c r="F305" s="350"/>
      <c r="G305" s="351"/>
      <c r="H305" s="242"/>
      <c r="I305" s="243"/>
      <c r="J305" s="243"/>
      <c r="K305" s="243"/>
      <c r="L305" s="244"/>
      <c r="M305" s="22"/>
      <c r="N305" s="99"/>
      <c r="O305" s="100"/>
      <c r="P305" s="104"/>
      <c r="Q305" s="100"/>
      <c r="R305" s="100"/>
      <c r="S305" s="100"/>
      <c r="T305" s="104"/>
      <c r="U305" s="100"/>
      <c r="V305" s="100"/>
      <c r="W305" s="100"/>
      <c r="X305" s="104"/>
      <c r="Y305" s="100"/>
      <c r="Z305" s="100"/>
      <c r="AA305" s="100"/>
      <c r="AB305" s="104"/>
      <c r="AC305" s="100"/>
      <c r="AD305" s="100"/>
      <c r="AE305" s="100"/>
      <c r="AF305" s="104"/>
      <c r="AG305" s="100"/>
      <c r="AH305" s="100"/>
      <c r="AI305" s="100"/>
      <c r="AJ305" s="104"/>
      <c r="AK305" s="100"/>
      <c r="AL305" s="100"/>
      <c r="AM305" s="100"/>
      <c r="AN305" s="104"/>
      <c r="AO305" s="103"/>
      <c r="AP305" s="100"/>
      <c r="AQ305" s="100"/>
      <c r="AR305" s="104"/>
      <c r="AS305" s="100"/>
      <c r="AT305" s="100"/>
      <c r="AU305" s="100"/>
      <c r="AV305" s="100"/>
      <c r="AW305" s="103"/>
      <c r="AX305" s="100"/>
      <c r="AY305" s="100"/>
      <c r="AZ305" s="104"/>
      <c r="BA305" s="100"/>
      <c r="BB305" s="100"/>
      <c r="BC305" s="100"/>
      <c r="BD305" s="100"/>
      <c r="BF305" s="5"/>
      <c r="BG305" s="251"/>
      <c r="BH305" s="252"/>
      <c r="BI305" s="252"/>
      <c r="BJ305" s="253"/>
    </row>
    <row r="306" spans="4:66" ht="9.75" customHeight="1">
      <c r="D306" s="349"/>
      <c r="E306" s="350"/>
      <c r="F306" s="350"/>
      <c r="G306" s="351"/>
      <c r="H306" s="242"/>
      <c r="I306" s="243"/>
      <c r="J306" s="243"/>
      <c r="K306" s="243"/>
      <c r="L306" s="244"/>
      <c r="M306" s="22"/>
      <c r="N306" s="101"/>
      <c r="O306" s="102"/>
      <c r="P306" s="106"/>
      <c r="Q306" s="102"/>
      <c r="R306" s="102"/>
      <c r="S306" s="102"/>
      <c r="T306" s="106"/>
      <c r="U306" s="102"/>
      <c r="V306" s="102"/>
      <c r="W306" s="102"/>
      <c r="X306" s="106"/>
      <c r="Y306" s="102"/>
      <c r="Z306" s="102"/>
      <c r="AA306" s="102"/>
      <c r="AB306" s="106"/>
      <c r="AC306" s="102"/>
      <c r="AD306" s="102"/>
      <c r="AE306" s="102"/>
      <c r="AF306" s="106"/>
      <c r="AG306" s="102"/>
      <c r="AH306" s="102"/>
      <c r="AI306" s="102"/>
      <c r="AJ306" s="106"/>
      <c r="AK306" s="102"/>
      <c r="AL306" s="102"/>
      <c r="AM306" s="102"/>
      <c r="AN306" s="106"/>
      <c r="AO306" s="105"/>
      <c r="AP306" s="102"/>
      <c r="AQ306" s="102"/>
      <c r="AR306" s="106"/>
      <c r="AS306" s="102"/>
      <c r="AT306" s="102"/>
      <c r="AU306" s="102"/>
      <c r="AV306" s="102"/>
      <c r="AW306" s="105"/>
      <c r="AX306" s="102"/>
      <c r="AY306" s="102"/>
      <c r="AZ306" s="106"/>
      <c r="BA306" s="102"/>
      <c r="BB306" s="102"/>
      <c r="BC306" s="102"/>
      <c r="BD306" s="102"/>
      <c r="BF306" s="5"/>
      <c r="BG306" s="251"/>
      <c r="BH306" s="252"/>
      <c r="BI306" s="252"/>
      <c r="BJ306" s="253"/>
    </row>
    <row r="307" spans="4:66" ht="12" customHeight="1">
      <c r="D307" s="361"/>
      <c r="E307" s="362"/>
      <c r="F307" s="362"/>
      <c r="G307" s="363"/>
      <c r="H307" s="245"/>
      <c r="I307" s="246"/>
      <c r="J307" s="246"/>
      <c r="K307" s="246"/>
      <c r="L307" s="247"/>
      <c r="M307" s="33"/>
      <c r="N307" s="33"/>
      <c r="O307" s="194"/>
      <c r="P307" s="194"/>
      <c r="Q307" s="194"/>
      <c r="R307" s="194"/>
      <c r="S307" s="194"/>
      <c r="T307" s="194"/>
      <c r="U307" s="194"/>
      <c r="V307" s="194"/>
      <c r="W307" s="194"/>
      <c r="X307" s="194"/>
      <c r="Y307" s="194"/>
      <c r="Z307" s="194"/>
      <c r="AA307" s="194"/>
      <c r="AB307" s="194"/>
      <c r="AC307" s="194"/>
      <c r="AD307" s="194"/>
      <c r="AE307" s="194"/>
      <c r="AF307" s="194"/>
      <c r="AG307" s="194"/>
      <c r="AH307" s="194"/>
      <c r="AI307" s="194"/>
      <c r="AJ307" s="194"/>
      <c r="AK307" s="194"/>
      <c r="AL307" s="194"/>
      <c r="AM307" s="194"/>
      <c r="AN307" s="194"/>
      <c r="AO307" s="194"/>
      <c r="AP307" s="194"/>
      <c r="AQ307" s="194"/>
      <c r="AR307" s="194"/>
      <c r="AS307" s="194"/>
      <c r="AT307" s="194"/>
      <c r="AU307" s="194"/>
      <c r="AV307" s="194"/>
      <c r="AW307" s="194"/>
      <c r="AX307" s="194"/>
      <c r="AY307" s="194"/>
      <c r="AZ307" s="194"/>
      <c r="BA307" s="194"/>
      <c r="BB307" s="194"/>
      <c r="BC307" s="194"/>
      <c r="BD307" s="194"/>
      <c r="BE307" s="194"/>
      <c r="BF307" s="195"/>
      <c r="BG307" s="254"/>
      <c r="BH307" s="255"/>
      <c r="BI307" s="255"/>
      <c r="BJ307" s="256"/>
    </row>
    <row r="308" spans="4:66" ht="15.75" customHeight="1">
      <c r="D308" s="109"/>
      <c r="E308" s="198" t="s">
        <v>129</v>
      </c>
      <c r="AW308" s="331" t="s">
        <v>130</v>
      </c>
      <c r="AX308" s="207"/>
      <c r="AY308" s="207"/>
      <c r="AZ308" s="207"/>
      <c r="BA308" s="207"/>
      <c r="BB308" s="207"/>
      <c r="BC308" s="207"/>
      <c r="BD308" s="207"/>
      <c r="BE308" s="207"/>
      <c r="BF308" s="328"/>
      <c r="BG308" s="331"/>
      <c r="BH308" s="207"/>
      <c r="BI308" s="207"/>
      <c r="BJ308" s="328"/>
    </row>
    <row r="309" spans="4:66" ht="15.75" customHeight="1">
      <c r="D309" s="109"/>
      <c r="F309" s="198" t="s">
        <v>130</v>
      </c>
      <c r="AW309" s="326"/>
      <c r="AX309" s="208"/>
      <c r="AY309" s="208"/>
      <c r="AZ309" s="208"/>
      <c r="BA309" s="208"/>
      <c r="BB309" s="208"/>
      <c r="BC309" s="208"/>
      <c r="BD309" s="208"/>
      <c r="BE309" s="208"/>
      <c r="BF309" s="327"/>
      <c r="BG309" s="326"/>
      <c r="BH309" s="208"/>
      <c r="BI309" s="208"/>
      <c r="BJ309" s="327"/>
    </row>
    <row r="310" spans="4:66" ht="20.100000000000001" customHeight="1">
      <c r="D310" s="65"/>
      <c r="E310" s="130" t="s">
        <v>69</v>
      </c>
      <c r="F310" s="194"/>
      <c r="G310" s="208"/>
      <c r="H310" s="208"/>
      <c r="I310" s="208"/>
      <c r="J310" s="208"/>
      <c r="K310" s="208"/>
      <c r="L310" s="208"/>
      <c r="M310" s="194" t="s">
        <v>131</v>
      </c>
      <c r="N310" s="194"/>
      <c r="O310" s="194"/>
      <c r="P310" s="194"/>
      <c r="Q310" s="194"/>
      <c r="R310" s="194"/>
      <c r="S310" s="194"/>
      <c r="T310" s="194" t="s">
        <v>132</v>
      </c>
      <c r="U310" s="194"/>
      <c r="V310" s="194"/>
      <c r="W310" s="194"/>
      <c r="X310" s="194"/>
      <c r="Y310" s="194" t="s">
        <v>128</v>
      </c>
      <c r="Z310" s="194"/>
      <c r="AA310" s="194"/>
      <c r="AB310" s="194"/>
      <c r="AC310" s="194"/>
      <c r="AD310" s="194"/>
      <c r="AE310" s="194"/>
      <c r="AF310" s="194"/>
      <c r="AG310" s="194" t="s">
        <v>133</v>
      </c>
      <c r="AH310" s="194"/>
      <c r="AI310" s="194"/>
      <c r="AJ310" s="194"/>
      <c r="AK310" s="130" t="s">
        <v>69</v>
      </c>
      <c r="AL310" s="194"/>
      <c r="AM310" s="208"/>
      <c r="AN310" s="208"/>
      <c r="AO310" s="208"/>
      <c r="AP310" s="208"/>
      <c r="AQ310" s="208"/>
      <c r="AR310" s="208"/>
      <c r="AS310" s="194" t="s">
        <v>134</v>
      </c>
      <c r="AT310" s="194"/>
      <c r="AU310" s="194"/>
      <c r="AV310" s="194"/>
      <c r="AW310" s="194"/>
      <c r="AX310" s="194"/>
      <c r="AY310" s="194"/>
      <c r="AZ310" s="194"/>
      <c r="BA310" s="194"/>
      <c r="BB310" s="194"/>
      <c r="BC310" s="194"/>
      <c r="BD310" s="194"/>
      <c r="BE310" s="194"/>
      <c r="BF310" s="194"/>
      <c r="BG310" s="194"/>
      <c r="BH310" s="194"/>
      <c r="BI310" s="194"/>
      <c r="BJ310" s="195"/>
    </row>
    <row r="311" spans="4:66" ht="16.5" customHeight="1">
      <c r="D311" s="48" t="s">
        <v>135</v>
      </c>
      <c r="E311" s="22"/>
      <c r="F311" s="258" t="s">
        <v>262</v>
      </c>
      <c r="G311" s="258"/>
      <c r="H311" s="258"/>
      <c r="I311" s="258"/>
      <c r="J311" s="258"/>
      <c r="K311" s="258"/>
      <c r="L311" s="258"/>
      <c r="M311" s="258"/>
      <c r="N311" s="258"/>
      <c r="O311" s="258"/>
      <c r="P311" s="258"/>
      <c r="Q311" s="258"/>
      <c r="R311" s="258"/>
      <c r="S311" s="258"/>
      <c r="T311" s="258"/>
      <c r="U311" s="258"/>
      <c r="V311" s="258"/>
      <c r="W311" s="258"/>
      <c r="X311" s="258"/>
      <c r="Y311" s="258"/>
      <c r="Z311" s="258"/>
      <c r="AA311" s="258"/>
      <c r="AB311" s="258"/>
      <c r="AC311" s="258"/>
      <c r="AD311" s="258"/>
      <c r="AE311" s="258"/>
      <c r="AF311" s="258"/>
      <c r="AG311" s="258"/>
      <c r="AH311" s="258"/>
      <c r="AI311" s="258"/>
      <c r="AJ311" s="258"/>
      <c r="AK311" s="258"/>
      <c r="AL311" s="258"/>
      <c r="AM311" s="258"/>
      <c r="AN311" s="258"/>
      <c r="AO311" s="258"/>
      <c r="AP311" s="258"/>
      <c r="AQ311" s="258"/>
      <c r="AR311" s="258"/>
      <c r="AS311" s="258"/>
      <c r="AT311" s="258"/>
      <c r="AU311" s="258"/>
      <c r="AV311" s="258"/>
      <c r="AW311" s="258"/>
      <c r="AX311" s="258"/>
      <c r="AY311" s="258"/>
      <c r="AZ311" s="258"/>
      <c r="BA311" s="258"/>
      <c r="BB311" s="258"/>
      <c r="BC311" s="258"/>
      <c r="BD311" s="258"/>
      <c r="BE311" s="258"/>
      <c r="BF311" s="258"/>
      <c r="BG311" s="258"/>
      <c r="BH311" s="258"/>
      <c r="BI311" s="258"/>
      <c r="BJ311" s="258"/>
    </row>
    <row r="312" spans="4:66" ht="16.5" customHeight="1">
      <c r="D312" s="22"/>
      <c r="E312" s="22"/>
      <c r="F312" s="258"/>
      <c r="G312" s="258"/>
      <c r="H312" s="258"/>
      <c r="I312" s="258"/>
      <c r="J312" s="258"/>
      <c r="K312" s="258"/>
      <c r="L312" s="258"/>
      <c r="M312" s="258"/>
      <c r="N312" s="258"/>
      <c r="O312" s="258"/>
      <c r="P312" s="258"/>
      <c r="Q312" s="258"/>
      <c r="R312" s="258"/>
      <c r="S312" s="258"/>
      <c r="T312" s="258"/>
      <c r="U312" s="258"/>
      <c r="V312" s="258"/>
      <c r="W312" s="258"/>
      <c r="X312" s="258"/>
      <c r="Y312" s="258"/>
      <c r="Z312" s="258"/>
      <c r="AA312" s="258"/>
      <c r="AB312" s="258"/>
      <c r="AC312" s="258"/>
      <c r="AD312" s="258"/>
      <c r="AE312" s="258"/>
      <c r="AF312" s="258"/>
      <c r="AG312" s="258"/>
      <c r="AH312" s="258"/>
      <c r="AI312" s="258"/>
      <c r="AJ312" s="258"/>
      <c r="AK312" s="258"/>
      <c r="AL312" s="258"/>
      <c r="AM312" s="258"/>
      <c r="AN312" s="258"/>
      <c r="AO312" s="258"/>
      <c r="AP312" s="258"/>
      <c r="AQ312" s="258"/>
      <c r="AR312" s="258"/>
      <c r="AS312" s="258"/>
      <c r="AT312" s="258"/>
      <c r="AU312" s="258"/>
      <c r="AV312" s="258"/>
      <c r="AW312" s="258"/>
      <c r="AX312" s="258"/>
      <c r="AY312" s="258"/>
      <c r="AZ312" s="258"/>
      <c r="BA312" s="258"/>
      <c r="BB312" s="258"/>
      <c r="BC312" s="258"/>
      <c r="BD312" s="258"/>
      <c r="BE312" s="258"/>
      <c r="BF312" s="258"/>
      <c r="BG312" s="258"/>
      <c r="BH312" s="258"/>
      <c r="BI312" s="258"/>
      <c r="BJ312" s="258"/>
    </row>
    <row r="313" spans="4:66" ht="16.5" customHeight="1">
      <c r="D313" s="48"/>
      <c r="E313" s="22"/>
      <c r="F313" s="61"/>
      <c r="G313" s="61"/>
      <c r="H313" s="61"/>
      <c r="I313" s="61"/>
      <c r="J313" s="61"/>
      <c r="K313" s="61"/>
      <c r="L313" s="61"/>
      <c r="M313" s="61"/>
      <c r="N313" s="61"/>
      <c r="O313" s="61"/>
      <c r="P313" s="61"/>
      <c r="Q313" s="61"/>
      <c r="R313" s="61"/>
      <c r="S313" s="61"/>
      <c r="T313" s="61"/>
      <c r="U313" s="61"/>
      <c r="V313" s="61"/>
      <c r="W313" s="61"/>
      <c r="X313" s="61"/>
      <c r="Y313" s="61"/>
      <c r="Z313" s="61"/>
      <c r="AA313" s="61"/>
      <c r="AB313" s="61"/>
      <c r="AC313" s="61"/>
      <c r="AD313" s="61"/>
      <c r="AE313" s="61"/>
      <c r="AF313" s="61"/>
      <c r="AG313" s="61"/>
      <c r="AH313" s="61"/>
      <c r="AI313" s="61"/>
      <c r="AJ313" s="61"/>
      <c r="AK313" s="61"/>
      <c r="AL313" s="61"/>
      <c r="AM313" s="61"/>
      <c r="AN313" s="61"/>
      <c r="AO313" s="61"/>
      <c r="AP313" s="61"/>
      <c r="AQ313" s="61"/>
      <c r="AR313" s="61"/>
      <c r="AS313" s="61"/>
      <c r="AT313" s="61"/>
      <c r="AU313" s="61"/>
      <c r="AV313" s="61"/>
      <c r="AW313" s="61"/>
      <c r="AX313" s="61"/>
      <c r="AY313" s="61"/>
      <c r="AZ313" s="61"/>
      <c r="BA313" s="61"/>
      <c r="BB313" s="61"/>
      <c r="BC313" s="61"/>
      <c r="BD313" s="61"/>
      <c r="BE313" s="61"/>
      <c r="BF313" s="61"/>
      <c r="BG313" s="61"/>
      <c r="BH313" s="61"/>
      <c r="BI313" s="61"/>
      <c r="BJ313" s="61"/>
      <c r="BK313" s="48"/>
    </row>
    <row r="314" spans="4:66" ht="19.5" customHeight="1">
      <c r="D314" s="41"/>
      <c r="F314" s="22"/>
      <c r="G314" s="22"/>
      <c r="H314" s="22"/>
      <c r="I314" s="22"/>
      <c r="J314" s="22"/>
      <c r="K314" s="22"/>
      <c r="L314" s="22"/>
      <c r="M314" s="22"/>
      <c r="N314" s="22"/>
    </row>
    <row r="315" spans="4:66" ht="20.100000000000001" customHeight="1">
      <c r="D315" s="184"/>
      <c r="E315" s="206" t="s">
        <v>207</v>
      </c>
      <c r="F315" s="206"/>
      <c r="G315" s="185"/>
      <c r="H315" s="185" t="s">
        <v>185</v>
      </c>
      <c r="I315" s="185"/>
      <c r="J315" s="185"/>
      <c r="K315" s="185"/>
      <c r="L315" s="185"/>
      <c r="M315" s="185"/>
      <c r="N315" s="185"/>
      <c r="O315" s="185"/>
      <c r="P315" s="185"/>
      <c r="Q315" s="185"/>
      <c r="R315" s="185"/>
      <c r="S315" s="185"/>
      <c r="T315" s="185"/>
      <c r="U315" s="185"/>
      <c r="V315" s="185"/>
      <c r="W315" s="185"/>
      <c r="X315" s="185"/>
      <c r="Y315" s="185"/>
      <c r="Z315" s="185"/>
      <c r="AA315" s="185"/>
      <c r="AB315" s="185"/>
      <c r="AC315" s="185"/>
      <c r="AD315" s="185"/>
      <c r="AE315" s="185"/>
      <c r="AF315" s="185"/>
      <c r="AG315" s="185"/>
      <c r="AH315" s="185"/>
      <c r="AI315" s="185"/>
      <c r="AJ315" s="185"/>
      <c r="AK315" s="185"/>
      <c r="AL315" s="185"/>
      <c r="AM315" s="185"/>
      <c r="AN315" s="185"/>
      <c r="AO315" s="185"/>
      <c r="AP315" s="185"/>
      <c r="AQ315" s="185"/>
      <c r="AR315" s="185"/>
      <c r="AS315" s="185"/>
      <c r="AT315" s="185"/>
      <c r="AU315" s="185"/>
      <c r="AV315" s="185"/>
      <c r="AW315" s="185"/>
      <c r="AX315" s="185"/>
      <c r="AY315" s="185"/>
      <c r="AZ315" s="185"/>
      <c r="BA315" s="185"/>
      <c r="BB315" s="185"/>
      <c r="BC315" s="206"/>
      <c r="BD315" s="206"/>
      <c r="BE315" s="206"/>
      <c r="BF315" s="206"/>
      <c r="BG315" s="206" t="s">
        <v>68</v>
      </c>
      <c r="BH315" s="206"/>
      <c r="BI315" s="185"/>
      <c r="BJ315" s="185"/>
      <c r="BK315" s="197"/>
      <c r="BL315" s="197"/>
      <c r="BM315" s="197"/>
      <c r="BN315" s="2"/>
    </row>
    <row r="316" spans="4:66" ht="20.100000000000001" customHeight="1">
      <c r="D316" s="109"/>
      <c r="E316" s="110"/>
      <c r="F316" s="34"/>
      <c r="G316" s="110"/>
      <c r="H316" s="110"/>
      <c r="I316" s="110"/>
      <c r="J316" s="110"/>
      <c r="K316" s="110"/>
      <c r="L316" s="110"/>
      <c r="M316" s="110"/>
      <c r="N316" s="110"/>
      <c r="O316" s="110"/>
      <c r="P316" s="110" t="s">
        <v>70</v>
      </c>
      <c r="Q316" s="110"/>
      <c r="R316" s="110"/>
      <c r="S316" s="110"/>
      <c r="T316" s="110"/>
      <c r="U316" s="110"/>
      <c r="V316" s="110"/>
      <c r="W316" s="110"/>
      <c r="X316" s="110"/>
      <c r="Y316" s="110"/>
      <c r="Z316" s="110"/>
      <c r="AA316" s="110"/>
      <c r="AB316" s="110"/>
      <c r="AC316" s="110"/>
      <c r="AD316" s="110"/>
      <c r="AE316" s="110"/>
      <c r="AF316" s="110"/>
      <c r="AG316" s="110"/>
      <c r="AH316" s="110"/>
      <c r="AI316" s="110"/>
      <c r="AJ316" s="110" t="s">
        <v>186</v>
      </c>
      <c r="AK316" s="110"/>
      <c r="AL316" s="110"/>
      <c r="AM316" s="110"/>
      <c r="AN316" s="110"/>
      <c r="AO316" s="110"/>
      <c r="AP316" s="110"/>
      <c r="AQ316" s="110"/>
      <c r="AR316" s="110"/>
      <c r="AS316" s="110"/>
      <c r="AT316" s="110"/>
      <c r="AU316" s="110"/>
      <c r="AV316" s="110"/>
      <c r="AW316" s="110"/>
      <c r="AX316" s="110"/>
      <c r="AY316" s="110"/>
      <c r="AZ316" s="110"/>
      <c r="BA316" s="110"/>
      <c r="BB316" s="110"/>
      <c r="BC316" s="207"/>
      <c r="BD316" s="207"/>
      <c r="BE316" s="207"/>
      <c r="BF316" s="207"/>
      <c r="BG316" s="207" t="s">
        <v>68</v>
      </c>
      <c r="BH316" s="207"/>
      <c r="BI316" s="110"/>
      <c r="BJ316" s="110"/>
      <c r="BN316" s="5"/>
    </row>
    <row r="317" spans="4:66" ht="20.100000000000001" customHeight="1">
      <c r="D317" s="109"/>
      <c r="E317" s="110"/>
      <c r="F317" s="34"/>
      <c r="G317" s="110"/>
      <c r="H317" s="110"/>
      <c r="I317" s="110"/>
      <c r="J317" s="110"/>
      <c r="K317" s="110"/>
      <c r="L317" s="110"/>
      <c r="M317" s="110"/>
      <c r="N317" s="110"/>
      <c r="O317" s="110"/>
      <c r="P317" s="110"/>
      <c r="Q317" s="110"/>
      <c r="R317" s="110"/>
      <c r="S317" s="110"/>
      <c r="T317" s="110"/>
      <c r="U317" s="110"/>
      <c r="V317" s="110"/>
      <c r="W317" s="110"/>
      <c r="X317" s="110"/>
      <c r="Y317" s="110"/>
      <c r="Z317" s="110"/>
      <c r="AA317" s="110"/>
      <c r="AB317" s="110"/>
      <c r="AC317" s="110"/>
      <c r="AD317" s="110"/>
      <c r="AE317" s="110"/>
      <c r="AF317" s="110"/>
      <c r="AG317" s="110"/>
      <c r="AH317" s="110"/>
      <c r="AI317" s="110"/>
      <c r="AJ317" s="110" t="s">
        <v>71</v>
      </c>
      <c r="AK317" s="110"/>
      <c r="AL317" s="110"/>
      <c r="AM317" s="110"/>
      <c r="AN317" s="110"/>
      <c r="AO317" s="110"/>
      <c r="AP317" s="110"/>
      <c r="AQ317" s="110"/>
      <c r="AR317" s="110"/>
      <c r="AS317" s="110"/>
      <c r="AT317" s="110"/>
      <c r="AU317" s="110"/>
      <c r="AV317" s="110"/>
      <c r="AW317" s="110"/>
      <c r="AX317" s="110"/>
      <c r="AY317" s="110"/>
      <c r="AZ317" s="110"/>
      <c r="BA317" s="110"/>
      <c r="BB317" s="110"/>
      <c r="BC317" s="207"/>
      <c r="BD317" s="207"/>
      <c r="BE317" s="207"/>
      <c r="BF317" s="207"/>
      <c r="BG317" s="207" t="s">
        <v>68</v>
      </c>
      <c r="BH317" s="207"/>
      <c r="BI317" s="110"/>
      <c r="BJ317" s="110"/>
      <c r="BN317" s="5"/>
    </row>
    <row r="318" spans="4:66" ht="20.100000000000001" customHeight="1">
      <c r="D318" s="109"/>
      <c r="E318" s="110"/>
      <c r="F318" s="34"/>
      <c r="G318" s="110"/>
      <c r="H318" s="110"/>
      <c r="I318" s="110"/>
      <c r="J318" s="110"/>
      <c r="K318" s="110"/>
      <c r="L318" s="110"/>
      <c r="M318" s="110"/>
      <c r="N318" s="110"/>
      <c r="O318" s="110"/>
      <c r="P318" s="110"/>
      <c r="Q318" s="110"/>
      <c r="R318" s="110"/>
      <c r="S318" s="110"/>
      <c r="T318" s="110"/>
      <c r="U318" s="110"/>
      <c r="V318" s="110"/>
      <c r="W318" s="110"/>
      <c r="X318" s="110"/>
      <c r="Y318" s="110"/>
      <c r="Z318" s="110"/>
      <c r="AA318" s="110"/>
      <c r="AB318" s="110"/>
      <c r="AC318" s="110"/>
      <c r="AD318" s="110"/>
      <c r="AE318" s="110"/>
      <c r="AF318" s="110"/>
      <c r="AG318" s="110"/>
      <c r="AH318" s="110"/>
      <c r="AI318" s="110"/>
      <c r="AJ318" s="110" t="s">
        <v>263</v>
      </c>
      <c r="AK318" s="110"/>
      <c r="AL318" s="110"/>
      <c r="AM318" s="110"/>
      <c r="AN318" s="110"/>
      <c r="AO318" s="110"/>
      <c r="AP318" s="110"/>
      <c r="AQ318" s="110"/>
      <c r="AR318" s="110"/>
      <c r="AS318" s="110"/>
      <c r="AT318" s="110"/>
      <c r="AU318" s="110"/>
      <c r="AV318" s="110"/>
      <c r="AW318" s="110"/>
      <c r="AX318" s="110"/>
      <c r="AY318" s="110"/>
      <c r="AZ318" s="110"/>
      <c r="BA318" s="110"/>
      <c r="BB318" s="110"/>
      <c r="BC318" s="207"/>
      <c r="BD318" s="207"/>
      <c r="BE318" s="207"/>
      <c r="BF318" s="207"/>
      <c r="BG318" s="207" t="s">
        <v>68</v>
      </c>
      <c r="BH318" s="207"/>
      <c r="BI318" s="110"/>
      <c r="BJ318" s="110"/>
      <c r="BN318" s="5"/>
    </row>
    <row r="319" spans="4:66" ht="20.100000000000001" customHeight="1">
      <c r="D319" s="65"/>
      <c r="E319" s="130"/>
      <c r="F319" s="35"/>
      <c r="G319" s="130"/>
      <c r="H319" s="130"/>
      <c r="I319" s="130"/>
      <c r="J319" s="130"/>
      <c r="K319" s="130"/>
      <c r="L319" s="130"/>
      <c r="M319" s="130"/>
      <c r="N319" s="130"/>
      <c r="O319" s="130"/>
      <c r="P319" s="130"/>
      <c r="Q319" s="130"/>
      <c r="R319" s="130"/>
      <c r="S319" s="130"/>
      <c r="T319" s="130"/>
      <c r="U319" s="130"/>
      <c r="V319" s="130"/>
      <c r="W319" s="130"/>
      <c r="X319" s="130"/>
      <c r="Y319" s="130"/>
      <c r="Z319" s="130"/>
      <c r="AA319" s="130"/>
      <c r="AB319" s="130"/>
      <c r="AC319" s="130"/>
      <c r="AD319" s="130"/>
      <c r="AE319" s="130"/>
      <c r="AF319" s="130"/>
      <c r="AG319" s="130"/>
      <c r="AH319" s="130"/>
      <c r="AI319" s="130"/>
      <c r="AJ319" s="130" t="s">
        <v>72</v>
      </c>
      <c r="AK319" s="130"/>
      <c r="AL319" s="130"/>
      <c r="AM319" s="130"/>
      <c r="AN319" s="130"/>
      <c r="AO319" s="208" t="s">
        <v>34</v>
      </c>
      <c r="AP319" s="208"/>
      <c r="AQ319" s="208"/>
      <c r="AR319" s="208"/>
      <c r="AS319" s="208"/>
      <c r="AT319" s="208"/>
      <c r="AU319" s="208"/>
      <c r="AV319" s="208"/>
      <c r="AW319" s="208"/>
      <c r="AX319" s="208"/>
      <c r="AY319" s="208"/>
      <c r="AZ319" s="208" t="s">
        <v>26</v>
      </c>
      <c r="BA319" s="208"/>
      <c r="BB319" s="130"/>
      <c r="BC319" s="208"/>
      <c r="BD319" s="208"/>
      <c r="BE319" s="208"/>
      <c r="BF319" s="208"/>
      <c r="BG319" s="208" t="s">
        <v>68</v>
      </c>
      <c r="BH319" s="208"/>
      <c r="BI319" s="130"/>
      <c r="BJ319" s="130"/>
      <c r="BK319" s="194"/>
      <c r="BL319" s="194"/>
      <c r="BM319" s="194"/>
      <c r="BN319" s="195"/>
    </row>
    <row r="320" spans="4:66" ht="27.75" customHeight="1">
      <c r="D320" s="53"/>
      <c r="E320" s="334" t="s">
        <v>252</v>
      </c>
      <c r="F320" s="334"/>
      <c r="G320" s="337" t="s">
        <v>205</v>
      </c>
      <c r="H320" s="337"/>
      <c r="I320" s="337"/>
      <c r="J320" s="337"/>
      <c r="K320" s="337"/>
      <c r="L320" s="337"/>
      <c r="M320" s="337"/>
      <c r="N320" s="337"/>
      <c r="O320" s="337"/>
      <c r="P320" s="337"/>
      <c r="Q320" s="337"/>
      <c r="R320" s="337"/>
      <c r="S320" s="338"/>
      <c r="T320" s="1" t="s">
        <v>144</v>
      </c>
      <c r="U320" s="197"/>
      <c r="V320" s="197"/>
      <c r="W320" s="197"/>
      <c r="X320" s="197"/>
      <c r="Y320" s="197"/>
      <c r="Z320" s="197"/>
      <c r="AA320" s="197"/>
      <c r="AB320" s="197"/>
      <c r="AC320" s="197"/>
      <c r="AD320" s="197"/>
      <c r="AE320" s="206"/>
      <c r="AF320" s="206"/>
      <c r="AG320" s="206" t="s">
        <v>2</v>
      </c>
      <c r="AH320" s="206"/>
      <c r="AI320" s="206"/>
      <c r="AJ320" s="206"/>
      <c r="AK320" s="206" t="s">
        <v>3</v>
      </c>
      <c r="AL320" s="206"/>
      <c r="AM320" s="206"/>
      <c r="AN320" s="206"/>
      <c r="AO320" s="206"/>
      <c r="AP320" s="206"/>
      <c r="AQ320" s="206"/>
      <c r="AR320" s="206"/>
      <c r="AS320" s="206"/>
      <c r="AT320" s="206"/>
      <c r="AU320" s="206"/>
      <c r="AV320" s="206"/>
      <c r="AW320" s="206"/>
      <c r="AX320" s="206"/>
      <c r="AY320" s="206"/>
      <c r="AZ320" s="197" t="s">
        <v>145</v>
      </c>
      <c r="BA320" s="197"/>
      <c r="BB320" s="197"/>
      <c r="BC320" s="197"/>
      <c r="BD320" s="197"/>
      <c r="BE320" s="197"/>
      <c r="BF320" s="206"/>
      <c r="BG320" s="206"/>
      <c r="BH320" s="206"/>
      <c r="BI320" s="185" t="s">
        <v>147</v>
      </c>
      <c r="BJ320" s="185"/>
      <c r="BK320" s="50"/>
      <c r="BL320" s="386" t="s">
        <v>146</v>
      </c>
      <c r="BM320" s="206"/>
      <c r="BN320" s="325"/>
    </row>
    <row r="321" spans="1:73" ht="27.75" customHeight="1">
      <c r="D321" s="28"/>
      <c r="E321" s="243"/>
      <c r="F321" s="243"/>
      <c r="G321" s="336"/>
      <c r="H321" s="336"/>
      <c r="I321" s="336"/>
      <c r="J321" s="336"/>
      <c r="K321" s="336"/>
      <c r="L321" s="336"/>
      <c r="M321" s="336"/>
      <c r="N321" s="336"/>
      <c r="O321" s="336"/>
      <c r="P321" s="336"/>
      <c r="Q321" s="336"/>
      <c r="R321" s="336"/>
      <c r="S321" s="339"/>
      <c r="T321" s="4" t="s">
        <v>148</v>
      </c>
      <c r="AE321" s="207"/>
      <c r="AF321" s="207"/>
      <c r="AG321" s="207" t="s">
        <v>2</v>
      </c>
      <c r="AH321" s="207"/>
      <c r="AI321" s="207"/>
      <c r="AJ321" s="207"/>
      <c r="AK321" s="207" t="s">
        <v>3</v>
      </c>
      <c r="AL321" s="207"/>
      <c r="AM321" s="207"/>
      <c r="AN321" s="207"/>
      <c r="AO321" s="207"/>
      <c r="AP321" s="207"/>
      <c r="AQ321" s="207"/>
      <c r="AR321" s="207"/>
      <c r="AS321" s="207"/>
      <c r="AT321" s="207"/>
      <c r="AU321" s="207"/>
      <c r="AV321" s="207"/>
      <c r="AW321" s="207"/>
      <c r="AX321" s="207"/>
      <c r="AY321" s="207"/>
      <c r="AZ321" s="198" t="s">
        <v>145</v>
      </c>
      <c r="BF321" s="207"/>
      <c r="BG321" s="207"/>
      <c r="BH321" s="207"/>
      <c r="BI321" s="110" t="s">
        <v>147</v>
      </c>
      <c r="BJ321" s="110"/>
      <c r="BK321" s="51"/>
      <c r="BL321" s="387"/>
      <c r="BM321" s="207"/>
      <c r="BN321" s="328"/>
    </row>
    <row r="322" spans="1:73" ht="27.75" customHeight="1">
      <c r="D322" s="28"/>
      <c r="E322" s="243"/>
      <c r="F322" s="243"/>
      <c r="G322" s="336"/>
      <c r="H322" s="336"/>
      <c r="I322" s="336"/>
      <c r="J322" s="336"/>
      <c r="K322" s="336"/>
      <c r="L322" s="336"/>
      <c r="M322" s="336"/>
      <c r="N322" s="336"/>
      <c r="O322" s="336"/>
      <c r="P322" s="336"/>
      <c r="Q322" s="336"/>
      <c r="R322" s="336"/>
      <c r="S322" s="339"/>
      <c r="T322" s="4" t="s">
        <v>148</v>
      </c>
      <c r="AE322" s="207"/>
      <c r="AF322" s="207"/>
      <c r="AG322" s="208" t="s">
        <v>2</v>
      </c>
      <c r="AH322" s="208"/>
      <c r="AI322" s="207"/>
      <c r="AJ322" s="207"/>
      <c r="AK322" s="208" t="s">
        <v>3</v>
      </c>
      <c r="AL322" s="208"/>
      <c r="AM322" s="207"/>
      <c r="AN322" s="207"/>
      <c r="AO322" s="207"/>
      <c r="AP322" s="207"/>
      <c r="AQ322" s="207"/>
      <c r="AR322" s="207"/>
      <c r="AS322" s="207"/>
      <c r="AT322" s="207"/>
      <c r="AU322" s="207"/>
      <c r="AV322" s="207"/>
      <c r="AW322" s="207"/>
      <c r="AX322" s="207"/>
      <c r="AY322" s="207"/>
      <c r="AZ322" s="198" t="s">
        <v>145</v>
      </c>
      <c r="BF322" s="208"/>
      <c r="BG322" s="208"/>
      <c r="BH322" s="208"/>
      <c r="BI322" s="110" t="s">
        <v>147</v>
      </c>
      <c r="BJ322" s="110"/>
      <c r="BK322" s="51"/>
      <c r="BL322" s="387"/>
      <c r="BM322" s="207"/>
      <c r="BN322" s="328"/>
    </row>
    <row r="323" spans="1:73" ht="16.5" customHeight="1">
      <c r="D323" s="49" t="s">
        <v>135</v>
      </c>
      <c r="E323" s="115"/>
      <c r="F323" s="49" t="s">
        <v>254</v>
      </c>
      <c r="G323" s="116"/>
      <c r="H323" s="116"/>
      <c r="I323" s="116"/>
      <c r="J323" s="116"/>
      <c r="K323" s="116"/>
      <c r="L323" s="116"/>
      <c r="M323" s="116"/>
      <c r="N323" s="116"/>
      <c r="O323" s="116"/>
      <c r="P323" s="116"/>
      <c r="Q323" s="116"/>
      <c r="R323" s="116"/>
      <c r="S323" s="116"/>
      <c r="T323" s="116"/>
      <c r="U323" s="116"/>
      <c r="V323" s="116"/>
      <c r="W323" s="116"/>
      <c r="X323" s="116"/>
      <c r="Y323" s="116"/>
      <c r="Z323" s="116"/>
      <c r="AA323" s="116"/>
      <c r="AB323" s="116"/>
      <c r="AC323" s="116"/>
      <c r="AD323" s="116"/>
      <c r="AE323" s="116"/>
      <c r="AF323" s="116"/>
      <c r="AG323" s="116"/>
      <c r="AH323" s="116"/>
      <c r="AI323" s="116"/>
      <c r="AJ323" s="116"/>
      <c r="AK323" s="116"/>
      <c r="AL323" s="116"/>
      <c r="AM323" s="116"/>
      <c r="AN323" s="116"/>
      <c r="AO323" s="116"/>
      <c r="AP323" s="116"/>
      <c r="AQ323" s="116"/>
      <c r="AR323" s="116"/>
      <c r="AS323" s="116"/>
      <c r="AT323" s="116"/>
      <c r="AU323" s="116"/>
      <c r="AV323" s="116"/>
      <c r="AW323" s="116"/>
      <c r="AX323" s="116"/>
      <c r="AY323" s="116"/>
      <c r="AZ323" s="116"/>
      <c r="BA323" s="116"/>
      <c r="BB323" s="116"/>
      <c r="BC323" s="116"/>
      <c r="BD323" s="116"/>
      <c r="BE323" s="116"/>
      <c r="BF323" s="116"/>
      <c r="BG323" s="116"/>
      <c r="BH323" s="116"/>
      <c r="BI323" s="116"/>
      <c r="BJ323" s="116"/>
      <c r="BK323" s="49"/>
      <c r="BL323" s="49"/>
      <c r="BM323" s="49"/>
      <c r="BN323" s="49"/>
    </row>
    <row r="324" spans="1:73" ht="16.5" customHeight="1">
      <c r="D324" s="48" t="s">
        <v>135</v>
      </c>
      <c r="E324" s="68"/>
      <c r="F324" s="48" t="s">
        <v>215</v>
      </c>
      <c r="G324" s="61"/>
      <c r="H324" s="61"/>
      <c r="I324" s="61"/>
      <c r="J324" s="61"/>
      <c r="K324" s="61"/>
      <c r="L324" s="61"/>
      <c r="M324" s="61"/>
      <c r="N324" s="61"/>
      <c r="O324" s="61"/>
      <c r="P324" s="61"/>
      <c r="Q324" s="61"/>
      <c r="R324" s="61"/>
      <c r="S324" s="61"/>
      <c r="T324" s="61"/>
      <c r="U324" s="61"/>
      <c r="V324" s="61"/>
      <c r="W324" s="61"/>
      <c r="X324" s="61"/>
      <c r="Y324" s="61"/>
      <c r="Z324" s="61"/>
      <c r="AA324" s="61"/>
      <c r="AB324" s="61"/>
      <c r="AC324" s="61"/>
      <c r="AD324" s="61"/>
      <c r="AE324" s="61"/>
      <c r="AF324" s="61"/>
      <c r="AG324" s="61"/>
      <c r="AH324" s="61"/>
      <c r="AI324" s="61"/>
      <c r="AJ324" s="61"/>
      <c r="AK324" s="61"/>
      <c r="AL324" s="61"/>
      <c r="AM324" s="61"/>
      <c r="AN324" s="61"/>
      <c r="AO324" s="61"/>
      <c r="AP324" s="61"/>
      <c r="AQ324" s="61"/>
      <c r="AR324" s="61"/>
      <c r="AS324" s="61"/>
      <c r="AT324" s="61"/>
      <c r="AU324" s="61"/>
      <c r="AV324" s="61"/>
      <c r="AW324" s="61"/>
      <c r="AX324" s="61"/>
      <c r="AY324" s="61"/>
      <c r="AZ324" s="61"/>
      <c r="BA324" s="61"/>
      <c r="BB324" s="61"/>
      <c r="BC324" s="61"/>
      <c r="BD324" s="61"/>
      <c r="BE324" s="61"/>
      <c r="BF324" s="61"/>
      <c r="BG324" s="61"/>
      <c r="BH324" s="61"/>
      <c r="BI324" s="61"/>
      <c r="BJ324" s="61"/>
      <c r="BK324" s="48"/>
      <c r="BL324" s="48"/>
      <c r="BM324" s="48"/>
      <c r="BN324" s="48"/>
    </row>
    <row r="325" spans="1:73" ht="18.75" customHeight="1">
      <c r="D325" s="66"/>
      <c r="E325" s="66"/>
      <c r="F325" s="194"/>
      <c r="G325" s="194"/>
      <c r="H325" s="194"/>
      <c r="I325" s="194"/>
      <c r="J325" s="194"/>
      <c r="K325" s="194"/>
      <c r="L325" s="194"/>
      <c r="M325" s="194"/>
      <c r="N325" s="194"/>
      <c r="O325" s="194"/>
      <c r="P325" s="194"/>
      <c r="Q325" s="194"/>
      <c r="R325" s="194"/>
      <c r="S325" s="194"/>
      <c r="T325" s="194"/>
      <c r="U325" s="194"/>
      <c r="V325" s="194"/>
      <c r="W325" s="194"/>
      <c r="X325" s="194"/>
      <c r="Y325" s="194"/>
      <c r="Z325" s="194"/>
      <c r="AA325" s="194"/>
      <c r="AB325" s="194"/>
      <c r="AC325" s="194"/>
      <c r="AD325" s="194"/>
      <c r="AE325" s="194"/>
      <c r="AF325" s="194"/>
      <c r="AG325" s="194"/>
      <c r="AH325" s="194"/>
      <c r="AI325" s="194"/>
      <c r="AJ325" s="194"/>
      <c r="AK325" s="194"/>
      <c r="AL325" s="194"/>
      <c r="AM325" s="194"/>
      <c r="AN325" s="194"/>
      <c r="AO325" s="194"/>
      <c r="AP325" s="194"/>
      <c r="AQ325" s="18"/>
      <c r="AR325" s="18"/>
      <c r="AS325" s="18"/>
      <c r="AT325" s="18"/>
      <c r="AU325" s="18"/>
      <c r="AV325" s="194"/>
      <c r="AW325" s="194"/>
      <c r="AX325" s="194"/>
      <c r="AY325" s="194"/>
      <c r="AZ325" s="194"/>
      <c r="BA325" s="194"/>
      <c r="BB325" s="18"/>
      <c r="BC325" s="194"/>
      <c r="BD325" s="194"/>
      <c r="BE325" s="18"/>
      <c r="BF325" s="18"/>
      <c r="BG325" s="18"/>
      <c r="BH325" s="18"/>
      <c r="BI325" s="18"/>
      <c r="BJ325" s="194"/>
      <c r="BK325" s="194"/>
      <c r="BL325" s="18"/>
      <c r="BM325" s="18"/>
      <c r="BN325" s="18"/>
      <c r="BO325" s="67"/>
      <c r="BR325" s="67"/>
      <c r="BS325" s="67"/>
      <c r="BT325" s="67"/>
      <c r="BU325" s="67"/>
    </row>
    <row r="326" spans="1:73" ht="41.25" customHeight="1">
      <c r="D326" s="25"/>
      <c r="E326" s="262" t="s">
        <v>253</v>
      </c>
      <c r="F326" s="262"/>
      <c r="G326" s="388" t="s">
        <v>82</v>
      </c>
      <c r="H326" s="388"/>
      <c r="I326" s="388"/>
      <c r="J326" s="388"/>
      <c r="K326" s="388"/>
      <c r="L326" s="388"/>
      <c r="M326" s="388"/>
      <c r="N326" s="388"/>
      <c r="O326" s="388"/>
      <c r="P326" s="388"/>
      <c r="Q326" s="388"/>
      <c r="R326" s="388"/>
      <c r="S326" s="389"/>
      <c r="T326" s="284"/>
      <c r="U326" s="262"/>
      <c r="V326" s="262"/>
      <c r="W326" s="262"/>
      <c r="X326" s="262"/>
      <c r="Y326" s="262"/>
      <c r="Z326" s="262"/>
      <c r="AA326" s="262"/>
      <c r="AB326" s="262"/>
      <c r="AC326" s="262"/>
      <c r="AD326" s="262"/>
      <c r="AE326" s="262"/>
      <c r="AF326" s="262"/>
      <c r="AG326" s="262"/>
      <c r="AH326" s="262"/>
      <c r="AI326" s="262"/>
      <c r="AJ326" s="262"/>
      <c r="AK326" s="262"/>
      <c r="AL326" s="262"/>
      <c r="AM326" s="262"/>
      <c r="AN326" s="262"/>
      <c r="AO326" s="262"/>
      <c r="AP326" s="262"/>
      <c r="AQ326" s="262"/>
      <c r="AR326" s="262"/>
      <c r="AS326" s="262"/>
      <c r="AT326" s="262"/>
      <c r="AU326" s="262"/>
      <c r="AV326" s="262"/>
      <c r="AW326" s="262"/>
      <c r="AX326" s="262"/>
      <c r="AY326" s="262"/>
      <c r="AZ326" s="262"/>
      <c r="BA326" s="262"/>
      <c r="BB326" s="262"/>
      <c r="BC326" s="262"/>
      <c r="BD326" s="262"/>
      <c r="BE326" s="262"/>
      <c r="BF326" s="262"/>
      <c r="BG326" s="262"/>
      <c r="BH326" s="262"/>
      <c r="BI326" s="262"/>
      <c r="BJ326" s="262"/>
      <c r="BK326" s="262"/>
      <c r="BL326" s="262"/>
      <c r="BM326" s="262"/>
      <c r="BN326" s="285"/>
    </row>
    <row r="327" spans="1:73" ht="33.75" customHeight="1">
      <c r="D327" s="48" t="s">
        <v>135</v>
      </c>
      <c r="E327" s="68"/>
      <c r="F327" s="299" t="s">
        <v>264</v>
      </c>
      <c r="G327" s="299"/>
      <c r="H327" s="299"/>
      <c r="I327" s="299"/>
      <c r="J327" s="299"/>
      <c r="K327" s="299"/>
      <c r="L327" s="299"/>
      <c r="M327" s="299"/>
      <c r="N327" s="299"/>
      <c r="O327" s="299"/>
      <c r="P327" s="299"/>
      <c r="Q327" s="299"/>
      <c r="R327" s="299"/>
      <c r="S327" s="299"/>
      <c r="T327" s="299"/>
      <c r="U327" s="299"/>
      <c r="V327" s="299"/>
      <c r="W327" s="299"/>
      <c r="X327" s="299"/>
      <c r="Y327" s="299"/>
      <c r="Z327" s="299"/>
      <c r="AA327" s="299"/>
      <c r="AB327" s="299"/>
      <c r="AC327" s="299"/>
      <c r="AD327" s="299"/>
      <c r="AE327" s="299"/>
      <c r="AF327" s="299"/>
      <c r="AG327" s="299"/>
      <c r="AH327" s="299"/>
      <c r="AI327" s="299"/>
      <c r="AJ327" s="299"/>
      <c r="AK327" s="299"/>
      <c r="AL327" s="299"/>
      <c r="AM327" s="299"/>
      <c r="AN327" s="299"/>
      <c r="AO327" s="299"/>
      <c r="AP327" s="299"/>
      <c r="AQ327" s="299"/>
      <c r="AR327" s="299"/>
      <c r="AS327" s="299"/>
      <c r="AT327" s="299"/>
      <c r="AU327" s="299"/>
      <c r="AV327" s="299"/>
      <c r="AW327" s="299"/>
      <c r="AX327" s="299"/>
      <c r="AY327" s="299"/>
      <c r="AZ327" s="299"/>
      <c r="BA327" s="299"/>
      <c r="BB327" s="299"/>
      <c r="BC327" s="299"/>
      <c r="BD327" s="299"/>
      <c r="BE327" s="299"/>
      <c r="BF327" s="299"/>
      <c r="BG327" s="299"/>
      <c r="BH327" s="299"/>
      <c r="BI327" s="299"/>
      <c r="BJ327" s="299"/>
      <c r="BK327" s="299"/>
      <c r="BL327" s="299"/>
      <c r="BM327" s="299"/>
      <c r="BN327" s="299"/>
    </row>
    <row r="328" spans="1:73" ht="6.75" customHeight="1">
      <c r="D328" s="48"/>
      <c r="E328" s="22"/>
      <c r="F328" s="48"/>
      <c r="G328" s="48"/>
      <c r="H328" s="48"/>
      <c r="I328" s="48"/>
      <c r="J328" s="48"/>
      <c r="K328" s="48"/>
      <c r="L328" s="48"/>
      <c r="M328" s="48"/>
      <c r="N328" s="48"/>
      <c r="O328" s="48"/>
      <c r="P328" s="48"/>
      <c r="Q328" s="48"/>
      <c r="R328" s="48"/>
      <c r="S328" s="48"/>
      <c r="T328" s="48"/>
      <c r="U328" s="48"/>
      <c r="V328" s="48"/>
      <c r="W328" s="48"/>
      <c r="X328" s="48"/>
      <c r="Y328" s="48"/>
      <c r="Z328" s="48"/>
      <c r="AA328" s="48"/>
      <c r="AB328" s="48"/>
      <c r="AC328" s="48"/>
      <c r="AD328" s="48"/>
      <c r="AE328" s="48"/>
      <c r="AF328" s="48"/>
      <c r="AG328" s="48"/>
      <c r="AH328" s="48"/>
      <c r="AI328" s="48"/>
      <c r="AJ328" s="48"/>
      <c r="AK328" s="48"/>
      <c r="AL328" s="48"/>
      <c r="AM328" s="48"/>
      <c r="AN328" s="48"/>
      <c r="AO328" s="48"/>
      <c r="AP328" s="48"/>
      <c r="AQ328" s="48"/>
      <c r="AR328" s="48"/>
      <c r="AS328" s="48"/>
      <c r="AT328" s="48"/>
      <c r="AU328" s="48"/>
      <c r="AV328" s="48"/>
      <c r="AW328" s="48"/>
      <c r="AX328" s="48"/>
      <c r="AY328" s="48"/>
      <c r="AZ328" s="48"/>
      <c r="BA328" s="48"/>
      <c r="BB328" s="48"/>
      <c r="BC328" s="48"/>
      <c r="BD328" s="48"/>
      <c r="BE328" s="48"/>
      <c r="BF328" s="48"/>
      <c r="BG328" s="48"/>
      <c r="BH328" s="48"/>
      <c r="BI328" s="48"/>
      <c r="BJ328" s="48"/>
      <c r="BK328" s="48"/>
    </row>
    <row r="329" spans="1:73" ht="15" customHeight="1">
      <c r="E329" s="15"/>
      <c r="F329" s="22"/>
      <c r="G329" s="22"/>
      <c r="H329" s="22"/>
      <c r="I329" s="22"/>
      <c r="J329" s="22"/>
      <c r="K329" s="22"/>
      <c r="L329" s="22"/>
      <c r="M329" s="22"/>
      <c r="N329" s="22"/>
      <c r="O329" s="22"/>
    </row>
    <row r="330" spans="1:73" ht="24.75" customHeight="1">
      <c r="A330" s="390" t="s">
        <v>73</v>
      </c>
      <c r="B330" s="390"/>
      <c r="C330" s="390"/>
      <c r="D330" s="390"/>
      <c r="E330" s="390"/>
      <c r="F330" s="390"/>
      <c r="G330" s="390"/>
      <c r="H330" s="390"/>
      <c r="I330" s="390"/>
      <c r="J330" s="390"/>
      <c r="K330" s="390"/>
      <c r="L330" s="390"/>
      <c r="M330" s="390"/>
      <c r="N330" s="390"/>
      <c r="O330" s="390"/>
      <c r="P330" s="390"/>
      <c r="Q330" s="390"/>
      <c r="R330" s="390"/>
      <c r="S330" s="390"/>
      <c r="T330" s="390"/>
      <c r="U330" s="390"/>
      <c r="V330" s="390"/>
      <c r="W330" s="390"/>
      <c r="X330" s="390"/>
      <c r="Y330" s="390"/>
      <c r="Z330" s="390"/>
      <c r="AA330" s="390"/>
      <c r="AB330" s="390"/>
      <c r="AC330" s="390"/>
      <c r="AD330" s="390"/>
      <c r="AE330" s="390"/>
      <c r="AF330" s="390"/>
      <c r="AG330" s="390"/>
      <c r="AH330" s="390"/>
      <c r="AI330" s="390"/>
      <c r="AJ330" s="390"/>
      <c r="AK330" s="390"/>
      <c r="AL330" s="390"/>
      <c r="AM330" s="390"/>
      <c r="AN330" s="390"/>
      <c r="AO330" s="390"/>
      <c r="AP330" s="390"/>
      <c r="AQ330" s="390"/>
      <c r="AR330" s="390"/>
      <c r="AS330" s="390"/>
      <c r="AT330" s="390"/>
      <c r="AU330" s="390"/>
      <c r="AV330" s="390"/>
      <c r="AW330" s="390"/>
      <c r="AX330" s="390"/>
      <c r="AY330" s="390"/>
      <c r="AZ330" s="390"/>
      <c r="BA330" s="390"/>
      <c r="BB330" s="390"/>
      <c r="BC330" s="390"/>
      <c r="BD330" s="390"/>
      <c r="BE330" s="390"/>
      <c r="BF330" s="390"/>
      <c r="BG330" s="390"/>
      <c r="BH330" s="390"/>
      <c r="BI330" s="390"/>
      <c r="BJ330" s="390"/>
      <c r="BK330" s="390"/>
      <c r="BL330" s="390"/>
      <c r="BM330" s="390"/>
      <c r="BN330" s="390"/>
      <c r="BO330" s="390"/>
    </row>
    <row r="331" spans="1:73" ht="24.75" customHeight="1">
      <c r="A331" s="205"/>
      <c r="B331" s="205"/>
      <c r="C331" s="205"/>
      <c r="D331" s="205"/>
      <c r="E331" s="205"/>
      <c r="F331" s="205"/>
      <c r="G331" s="205"/>
      <c r="H331" s="205"/>
      <c r="I331" s="205"/>
      <c r="J331" s="205"/>
      <c r="K331" s="205"/>
      <c r="L331" s="205"/>
      <c r="M331" s="205"/>
      <c r="N331" s="205"/>
      <c r="O331" s="205"/>
      <c r="P331" s="205"/>
      <c r="Q331" s="205"/>
      <c r="R331" s="205"/>
      <c r="S331" s="205"/>
      <c r="T331" s="205"/>
      <c r="U331" s="205"/>
      <c r="V331" s="205"/>
      <c r="W331" s="205"/>
      <c r="X331" s="205"/>
      <c r="Y331" s="205"/>
      <c r="Z331" s="205"/>
      <c r="AA331" s="205"/>
      <c r="AB331" s="205"/>
      <c r="AC331" s="205"/>
      <c r="AD331" s="205"/>
      <c r="AE331" s="205"/>
      <c r="AF331" s="205"/>
      <c r="AG331" s="205"/>
      <c r="AH331" s="205"/>
      <c r="AI331" s="205"/>
      <c r="AJ331" s="205"/>
      <c r="AK331" s="205"/>
      <c r="AL331" s="205"/>
      <c r="AM331" s="205"/>
      <c r="AN331" s="205"/>
      <c r="AO331" s="205"/>
      <c r="AP331" s="205"/>
      <c r="AQ331" s="205"/>
      <c r="AR331" s="205"/>
      <c r="AS331" s="205"/>
      <c r="AT331" s="205"/>
      <c r="AU331" s="205"/>
      <c r="AV331" s="205"/>
      <c r="AW331" s="205"/>
      <c r="AX331" s="205"/>
      <c r="AY331" s="205"/>
      <c r="AZ331" s="205"/>
      <c r="BA331" s="205"/>
      <c r="BB331" s="205"/>
      <c r="BC331" s="205"/>
      <c r="BD331" s="205"/>
      <c r="BE331" s="205"/>
      <c r="BF331" s="205"/>
      <c r="BG331" s="205"/>
      <c r="BH331" s="205"/>
      <c r="BI331" s="205"/>
      <c r="BJ331" s="205"/>
      <c r="BK331" s="205"/>
    </row>
    <row r="332" spans="1:73" ht="145.5" customHeight="1">
      <c r="A332" s="207" t="s">
        <v>160</v>
      </c>
      <c r="B332" s="207"/>
      <c r="C332" s="207"/>
      <c r="D332" s="207"/>
      <c r="E332" s="336" t="s">
        <v>177</v>
      </c>
      <c r="F332" s="336"/>
      <c r="G332" s="336"/>
      <c r="H332" s="336"/>
      <c r="I332" s="336"/>
      <c r="J332" s="336"/>
      <c r="K332" s="336"/>
      <c r="L332" s="336"/>
      <c r="M332" s="336"/>
      <c r="N332" s="336"/>
      <c r="O332" s="336"/>
      <c r="P332" s="336"/>
      <c r="Q332" s="336"/>
      <c r="R332" s="336"/>
      <c r="S332" s="336"/>
      <c r="T332" s="336"/>
      <c r="U332" s="336"/>
      <c r="V332" s="336"/>
      <c r="W332" s="336"/>
      <c r="X332" s="336"/>
      <c r="Y332" s="336"/>
      <c r="Z332" s="336"/>
      <c r="AA332" s="336"/>
      <c r="AB332" s="336"/>
      <c r="AC332" s="336"/>
      <c r="AD332" s="336"/>
      <c r="AE332" s="336"/>
      <c r="AF332" s="336"/>
      <c r="AG332" s="336"/>
      <c r="AH332" s="336"/>
      <c r="AI332" s="336"/>
      <c r="AJ332" s="336"/>
      <c r="AK332" s="336"/>
      <c r="AL332" s="336"/>
      <c r="AM332" s="336"/>
      <c r="AN332" s="336"/>
      <c r="AO332" s="336"/>
      <c r="AP332" s="336"/>
      <c r="AQ332" s="336"/>
      <c r="AR332" s="336"/>
      <c r="AS332" s="336"/>
      <c r="AT332" s="336"/>
      <c r="AU332" s="336"/>
      <c r="AV332" s="336"/>
      <c r="AW332" s="336"/>
      <c r="AX332" s="336"/>
      <c r="AY332" s="336"/>
      <c r="AZ332" s="336"/>
      <c r="BA332" s="336"/>
      <c r="BB332" s="336"/>
      <c r="BC332" s="336"/>
      <c r="BD332" s="336"/>
      <c r="BE332" s="336"/>
      <c r="BF332" s="336"/>
      <c r="BG332" s="336"/>
      <c r="BH332" s="336"/>
      <c r="BI332" s="336"/>
      <c r="BJ332" s="336"/>
      <c r="BK332" s="336"/>
      <c r="BL332" s="336"/>
      <c r="BM332" s="336"/>
      <c r="BN332" s="336"/>
    </row>
    <row r="333" spans="1:73" ht="20.100000000000001" customHeight="1">
      <c r="A333" s="207" t="s">
        <v>174</v>
      </c>
      <c r="B333" s="207"/>
      <c r="C333" s="207"/>
      <c r="D333" s="207"/>
      <c r="E333" s="198" t="s">
        <v>74</v>
      </c>
      <c r="F333" s="15"/>
      <c r="G333" s="15"/>
      <c r="H333" s="15"/>
      <c r="I333" s="15"/>
      <c r="J333" s="15"/>
      <c r="K333" s="15"/>
      <c r="L333" s="15"/>
      <c r="M333" s="15"/>
      <c r="N333" s="15"/>
      <c r="O333" s="15"/>
      <c r="P333" s="15"/>
      <c r="Q333" s="15"/>
      <c r="R333" s="21"/>
      <c r="S333" s="21"/>
    </row>
    <row r="334" spans="1:73" ht="20.100000000000001" customHeight="1">
      <c r="A334" s="207" t="s">
        <v>190</v>
      </c>
      <c r="B334" s="207"/>
      <c r="C334" s="207"/>
      <c r="D334" s="207"/>
      <c r="E334" s="198" t="s">
        <v>143</v>
      </c>
      <c r="F334" s="15"/>
      <c r="G334" s="15"/>
      <c r="H334" s="22"/>
      <c r="I334" s="22"/>
      <c r="J334" s="22"/>
      <c r="K334" s="22"/>
      <c r="L334" s="22"/>
      <c r="M334" s="22"/>
      <c r="N334" s="22"/>
      <c r="O334" s="22"/>
      <c r="P334" s="22"/>
      <c r="Q334" s="22"/>
      <c r="R334" s="23"/>
      <c r="S334" s="23"/>
    </row>
    <row r="335" spans="1:73" ht="35.25" customHeight="1">
      <c r="A335" s="207" t="s">
        <v>175</v>
      </c>
      <c r="B335" s="207"/>
      <c r="C335" s="207"/>
      <c r="D335" s="207"/>
      <c r="E335" s="336" t="s">
        <v>136</v>
      </c>
      <c r="F335" s="336"/>
      <c r="G335" s="336"/>
      <c r="H335" s="336"/>
      <c r="I335" s="336"/>
      <c r="J335" s="336"/>
      <c r="K335" s="336"/>
      <c r="L335" s="336"/>
      <c r="M335" s="336"/>
      <c r="N335" s="336"/>
      <c r="O335" s="336"/>
      <c r="P335" s="336"/>
      <c r="Q335" s="336"/>
      <c r="R335" s="336"/>
      <c r="S335" s="336"/>
      <c r="T335" s="336"/>
      <c r="U335" s="336"/>
      <c r="V335" s="336"/>
      <c r="W335" s="336"/>
      <c r="X335" s="336"/>
      <c r="Y335" s="336"/>
      <c r="Z335" s="336"/>
      <c r="AA335" s="336"/>
      <c r="AB335" s="336"/>
      <c r="AC335" s="336"/>
      <c r="AD335" s="336"/>
      <c r="AE335" s="336"/>
      <c r="AF335" s="336"/>
      <c r="AG335" s="336"/>
      <c r="AH335" s="336"/>
      <c r="AI335" s="336"/>
      <c r="AJ335" s="336"/>
      <c r="AK335" s="336"/>
      <c r="AL335" s="336"/>
      <c r="AM335" s="336"/>
      <c r="AN335" s="336"/>
      <c r="AO335" s="336"/>
      <c r="AP335" s="336"/>
      <c r="AQ335" s="336"/>
      <c r="AR335" s="336"/>
      <c r="AS335" s="336"/>
      <c r="AT335" s="336"/>
      <c r="AU335" s="336"/>
      <c r="AV335" s="336"/>
      <c r="AW335" s="336"/>
      <c r="AX335" s="336"/>
      <c r="AY335" s="336"/>
      <c r="AZ335" s="336"/>
      <c r="BA335" s="336"/>
      <c r="BB335" s="336"/>
      <c r="BC335" s="336"/>
      <c r="BD335" s="336"/>
      <c r="BE335" s="336"/>
      <c r="BF335" s="336"/>
      <c r="BG335" s="336"/>
      <c r="BH335" s="336"/>
      <c r="BI335" s="336"/>
      <c r="BJ335" s="336"/>
      <c r="BK335" s="336"/>
      <c r="BL335" s="336"/>
      <c r="BM335" s="336"/>
      <c r="BN335" s="336"/>
    </row>
    <row r="336" spans="1:73" ht="12" customHeight="1">
      <c r="A336" s="146"/>
      <c r="B336" s="146"/>
      <c r="C336" s="146"/>
      <c r="D336" s="146"/>
      <c r="E336" s="166"/>
      <c r="F336" s="166"/>
      <c r="G336" s="166"/>
      <c r="H336" s="166"/>
      <c r="I336" s="166"/>
      <c r="J336" s="166"/>
      <c r="K336" s="166"/>
      <c r="L336" s="166"/>
      <c r="M336" s="166"/>
      <c r="N336" s="166"/>
      <c r="O336" s="166"/>
      <c r="P336" s="166"/>
      <c r="Q336" s="166"/>
      <c r="R336" s="166"/>
      <c r="S336" s="166"/>
      <c r="T336" s="166"/>
      <c r="U336" s="166"/>
      <c r="V336" s="166"/>
      <c r="W336" s="166"/>
      <c r="X336" s="166"/>
      <c r="Y336" s="166"/>
      <c r="Z336" s="166"/>
      <c r="AA336" s="166"/>
      <c r="AB336" s="166"/>
      <c r="AC336" s="166"/>
      <c r="AD336" s="166"/>
      <c r="AE336" s="166"/>
      <c r="AF336" s="166"/>
      <c r="AG336" s="166"/>
      <c r="AH336" s="166"/>
      <c r="AI336" s="166"/>
      <c r="AJ336" s="166"/>
      <c r="AK336" s="166"/>
      <c r="AL336" s="166"/>
      <c r="AM336" s="166"/>
      <c r="AN336" s="166"/>
      <c r="AO336" s="166"/>
      <c r="AP336" s="166"/>
      <c r="AQ336" s="166"/>
      <c r="AR336" s="166"/>
      <c r="AS336" s="166"/>
      <c r="AT336" s="166"/>
      <c r="AU336" s="166"/>
      <c r="AV336" s="166"/>
      <c r="AW336" s="166"/>
      <c r="AX336" s="166"/>
      <c r="AY336" s="166"/>
      <c r="AZ336" s="166"/>
      <c r="BA336" s="166"/>
      <c r="BB336" s="166"/>
      <c r="BC336" s="166"/>
      <c r="BD336" s="166"/>
      <c r="BE336" s="166"/>
      <c r="BF336" s="166"/>
      <c r="BG336" s="166"/>
      <c r="BH336" s="166"/>
      <c r="BI336" s="166"/>
      <c r="BJ336" s="166"/>
      <c r="BK336" s="166"/>
      <c r="BL336" s="166"/>
      <c r="BM336" s="166"/>
      <c r="BN336" s="166"/>
    </row>
    <row r="337" spans="1:75" ht="105" customHeight="1">
      <c r="A337" s="385" t="s">
        <v>255</v>
      </c>
      <c r="B337" s="385"/>
      <c r="C337" s="385"/>
      <c r="D337" s="385"/>
      <c r="E337" s="384" t="s">
        <v>247</v>
      </c>
      <c r="F337" s="384"/>
      <c r="G337" s="384"/>
      <c r="H337" s="384"/>
      <c r="I337" s="384"/>
      <c r="J337" s="384"/>
      <c r="K337" s="384"/>
      <c r="L337" s="384"/>
      <c r="M337" s="384"/>
      <c r="N337" s="384"/>
      <c r="O337" s="384"/>
      <c r="P337" s="384"/>
      <c r="Q337" s="384"/>
      <c r="R337" s="384"/>
      <c r="S337" s="384"/>
      <c r="T337" s="384"/>
      <c r="U337" s="384"/>
      <c r="V337" s="384"/>
      <c r="W337" s="384"/>
      <c r="X337" s="384"/>
      <c r="Y337" s="384"/>
      <c r="Z337" s="384"/>
      <c r="AA337" s="384"/>
      <c r="AB337" s="384"/>
      <c r="AC337" s="384"/>
      <c r="AD337" s="384"/>
      <c r="AE337" s="384"/>
      <c r="AF337" s="384"/>
      <c r="AG337" s="384"/>
      <c r="AH337" s="384"/>
      <c r="AI337" s="384"/>
      <c r="AJ337" s="384"/>
      <c r="AK337" s="384"/>
      <c r="AL337" s="384"/>
      <c r="AM337" s="384"/>
      <c r="AN337" s="384"/>
      <c r="AO337" s="384"/>
      <c r="AP337" s="384"/>
      <c r="AQ337" s="384"/>
      <c r="AR337" s="384"/>
      <c r="AS337" s="384"/>
      <c r="AT337" s="384"/>
      <c r="AU337" s="384"/>
      <c r="AV337" s="384"/>
      <c r="AW337" s="384"/>
      <c r="AX337" s="384"/>
      <c r="AY337" s="384"/>
      <c r="AZ337" s="384"/>
      <c r="BA337" s="384"/>
      <c r="BB337" s="384"/>
      <c r="BC337" s="384"/>
      <c r="BD337" s="384"/>
      <c r="BE337" s="384"/>
      <c r="BF337" s="384"/>
      <c r="BG337" s="384"/>
      <c r="BH337" s="384"/>
      <c r="BI337" s="384"/>
      <c r="BJ337" s="384"/>
      <c r="BK337" s="384"/>
      <c r="BL337" s="384"/>
      <c r="BM337" s="384"/>
      <c r="BN337" s="384"/>
    </row>
    <row r="338" spans="1:75" ht="20.100000000000001" customHeight="1">
      <c r="A338" s="207"/>
      <c r="B338" s="207"/>
      <c r="C338" s="207"/>
      <c r="D338" s="207"/>
      <c r="E338" s="198" t="s">
        <v>246</v>
      </c>
    </row>
    <row r="339" spans="1:75" ht="108.75" customHeight="1">
      <c r="A339" s="207"/>
      <c r="B339" s="207"/>
      <c r="C339" s="207"/>
      <c r="D339" s="207"/>
      <c r="E339" s="384" t="s">
        <v>178</v>
      </c>
      <c r="F339" s="384"/>
      <c r="G339" s="384"/>
      <c r="H339" s="384"/>
      <c r="I339" s="384"/>
      <c r="J339" s="384"/>
      <c r="K339" s="384"/>
      <c r="L339" s="384"/>
      <c r="M339" s="384"/>
      <c r="N339" s="384"/>
      <c r="O339" s="384"/>
      <c r="P339" s="384"/>
      <c r="Q339" s="384"/>
      <c r="R339" s="384"/>
      <c r="S339" s="384"/>
      <c r="T339" s="384"/>
      <c r="U339" s="384"/>
      <c r="V339" s="384"/>
      <c r="W339" s="384"/>
      <c r="X339" s="384"/>
      <c r="Y339" s="384"/>
      <c r="Z339" s="384"/>
      <c r="AA339" s="384"/>
      <c r="AB339" s="384"/>
      <c r="AC339" s="384"/>
      <c r="AD339" s="384"/>
      <c r="AE339" s="384"/>
      <c r="AF339" s="384"/>
      <c r="AG339" s="384"/>
      <c r="AH339" s="384"/>
      <c r="AI339" s="384"/>
      <c r="AJ339" s="384"/>
      <c r="AK339" s="384"/>
      <c r="AL339" s="384"/>
      <c r="AM339" s="384"/>
      <c r="AN339" s="384"/>
      <c r="AO339" s="384"/>
      <c r="AP339" s="384"/>
      <c r="AQ339" s="384"/>
      <c r="AR339" s="384"/>
      <c r="AS339" s="384"/>
      <c r="AT339" s="384"/>
      <c r="AU339" s="384"/>
      <c r="AV339" s="384"/>
      <c r="AW339" s="384"/>
      <c r="AX339" s="384"/>
      <c r="AY339" s="384"/>
      <c r="AZ339" s="384"/>
      <c r="BA339" s="384"/>
      <c r="BB339" s="384"/>
      <c r="BC339" s="384"/>
      <c r="BD339" s="384"/>
      <c r="BE339" s="384"/>
      <c r="BF339" s="384"/>
      <c r="BG339" s="384"/>
      <c r="BH339" s="384"/>
      <c r="BI339" s="384"/>
      <c r="BJ339" s="384"/>
      <c r="BK339" s="384"/>
      <c r="BL339" s="384"/>
      <c r="BM339" s="384"/>
      <c r="BN339" s="384"/>
    </row>
    <row r="340" spans="1:75" ht="141" customHeight="1">
      <c r="A340" s="207"/>
      <c r="B340" s="207"/>
      <c r="C340" s="207"/>
      <c r="D340" s="207"/>
      <c r="E340" s="384" t="s">
        <v>179</v>
      </c>
      <c r="F340" s="384"/>
      <c r="G340" s="384"/>
      <c r="H340" s="384"/>
      <c r="I340" s="384"/>
      <c r="J340" s="384"/>
      <c r="K340" s="384"/>
      <c r="L340" s="384"/>
      <c r="M340" s="384"/>
      <c r="N340" s="384"/>
      <c r="O340" s="384"/>
      <c r="P340" s="384"/>
      <c r="Q340" s="384"/>
      <c r="R340" s="384"/>
      <c r="S340" s="384"/>
      <c r="T340" s="384"/>
      <c r="U340" s="384"/>
      <c r="V340" s="384"/>
      <c r="W340" s="384"/>
      <c r="X340" s="384"/>
      <c r="Y340" s="384"/>
      <c r="Z340" s="384"/>
      <c r="AA340" s="384"/>
      <c r="AB340" s="384"/>
      <c r="AC340" s="384"/>
      <c r="AD340" s="384"/>
      <c r="AE340" s="384"/>
      <c r="AF340" s="384"/>
      <c r="AG340" s="384"/>
      <c r="AH340" s="384"/>
      <c r="AI340" s="384"/>
      <c r="AJ340" s="384"/>
      <c r="AK340" s="384"/>
      <c r="AL340" s="384"/>
      <c r="AM340" s="384"/>
      <c r="AN340" s="384"/>
      <c r="AO340" s="384"/>
      <c r="AP340" s="384"/>
      <c r="AQ340" s="384"/>
      <c r="AR340" s="384"/>
      <c r="AS340" s="384"/>
      <c r="AT340" s="384"/>
      <c r="AU340" s="384"/>
      <c r="AV340" s="384"/>
      <c r="AW340" s="384"/>
      <c r="AX340" s="384"/>
      <c r="AY340" s="384"/>
      <c r="AZ340" s="384"/>
      <c r="BA340" s="384"/>
      <c r="BB340" s="384"/>
      <c r="BC340" s="384"/>
      <c r="BD340" s="384"/>
      <c r="BE340" s="384"/>
      <c r="BF340" s="384"/>
      <c r="BG340" s="384"/>
      <c r="BH340" s="384"/>
      <c r="BI340" s="384"/>
      <c r="BJ340" s="384"/>
      <c r="BK340" s="384"/>
      <c r="BL340" s="384"/>
      <c r="BM340" s="384"/>
      <c r="BN340" s="384"/>
    </row>
    <row r="341" spans="1:75" ht="16.5" customHeight="1">
      <c r="A341" s="146"/>
      <c r="B341" s="146"/>
      <c r="C341" s="146"/>
      <c r="D341" s="146"/>
      <c r="E341" s="336" t="s">
        <v>288</v>
      </c>
      <c r="F341" s="336"/>
      <c r="G341" s="336"/>
      <c r="H341" s="336"/>
      <c r="I341" s="336"/>
      <c r="J341" s="336"/>
      <c r="K341" s="336"/>
      <c r="L341" s="336"/>
      <c r="M341" s="336"/>
      <c r="N341" s="336"/>
      <c r="O341" s="336"/>
      <c r="P341" s="336"/>
      <c r="Q341" s="336"/>
      <c r="R341" s="336"/>
      <c r="S341" s="336"/>
      <c r="T341" s="336"/>
      <c r="U341" s="336"/>
      <c r="V341" s="336"/>
      <c r="W341" s="336"/>
      <c r="X341" s="336"/>
      <c r="Y341" s="336"/>
      <c r="Z341" s="336"/>
      <c r="AA341" s="336"/>
      <c r="AB341" s="336"/>
      <c r="AC341" s="336"/>
      <c r="AD341" s="336"/>
      <c r="AE341" s="336"/>
      <c r="AF341" s="336"/>
      <c r="AG341" s="336"/>
      <c r="AH341" s="336"/>
      <c r="AI341" s="336"/>
      <c r="AJ341" s="336"/>
      <c r="AK341" s="336"/>
      <c r="AL341" s="336"/>
      <c r="AM341" s="336"/>
      <c r="AN341" s="336"/>
      <c r="AO341" s="336"/>
      <c r="AP341" s="336"/>
      <c r="AQ341" s="336"/>
      <c r="AR341" s="336"/>
      <c r="AS341" s="336"/>
      <c r="AT341" s="336"/>
      <c r="AU341" s="336"/>
      <c r="AV341" s="336"/>
      <c r="AW341" s="336"/>
      <c r="AX341" s="336"/>
      <c r="AY341" s="336"/>
      <c r="AZ341" s="336"/>
      <c r="BA341" s="336"/>
      <c r="BB341" s="336"/>
      <c r="BC341" s="336"/>
      <c r="BD341" s="336"/>
      <c r="BE341" s="336"/>
      <c r="BF341" s="336"/>
      <c r="BG341" s="336"/>
      <c r="BH341" s="336"/>
      <c r="BI341" s="336"/>
      <c r="BJ341" s="336"/>
      <c r="BK341" s="336"/>
      <c r="BL341" s="336"/>
      <c r="BM341" s="336"/>
      <c r="BN341" s="336"/>
    </row>
    <row r="342" spans="1:75" ht="57" customHeight="1">
      <c r="A342" s="207" t="s">
        <v>180</v>
      </c>
      <c r="B342" s="207"/>
      <c r="C342" s="207"/>
      <c r="D342" s="207"/>
      <c r="E342" s="336" t="s">
        <v>289</v>
      </c>
      <c r="F342" s="336"/>
      <c r="G342" s="336"/>
      <c r="H342" s="336"/>
      <c r="I342" s="336"/>
      <c r="J342" s="336"/>
      <c r="K342" s="336"/>
      <c r="L342" s="336"/>
      <c r="M342" s="336"/>
      <c r="N342" s="336"/>
      <c r="O342" s="336"/>
      <c r="P342" s="336"/>
      <c r="Q342" s="336"/>
      <c r="R342" s="336"/>
      <c r="S342" s="336"/>
      <c r="T342" s="336"/>
      <c r="U342" s="336"/>
      <c r="V342" s="336"/>
      <c r="W342" s="336"/>
      <c r="X342" s="336"/>
      <c r="Y342" s="336"/>
      <c r="Z342" s="336"/>
      <c r="AA342" s="336"/>
      <c r="AB342" s="336"/>
      <c r="AC342" s="336"/>
      <c r="AD342" s="336"/>
      <c r="AE342" s="336"/>
      <c r="AF342" s="336"/>
      <c r="AG342" s="336"/>
      <c r="AH342" s="336"/>
      <c r="AI342" s="336"/>
      <c r="AJ342" s="336"/>
      <c r="AK342" s="336"/>
      <c r="AL342" s="336"/>
      <c r="AM342" s="336"/>
      <c r="AN342" s="336"/>
      <c r="AO342" s="336"/>
      <c r="AP342" s="336"/>
      <c r="AQ342" s="336"/>
      <c r="AR342" s="336"/>
      <c r="AS342" s="336"/>
      <c r="AT342" s="336"/>
      <c r="AU342" s="336"/>
      <c r="AV342" s="336"/>
      <c r="AW342" s="336"/>
      <c r="AX342" s="336"/>
      <c r="AY342" s="336"/>
      <c r="AZ342" s="336"/>
      <c r="BA342" s="336"/>
      <c r="BB342" s="336"/>
      <c r="BC342" s="336"/>
      <c r="BD342" s="336"/>
      <c r="BE342" s="336"/>
      <c r="BF342" s="336"/>
      <c r="BG342" s="336"/>
      <c r="BH342" s="336"/>
      <c r="BI342" s="336"/>
      <c r="BJ342" s="336"/>
      <c r="BK342" s="336"/>
      <c r="BL342" s="336"/>
      <c r="BM342" s="336"/>
      <c r="BN342" s="336"/>
    </row>
    <row r="343" spans="1:75" ht="12" customHeight="1">
      <c r="A343" s="146"/>
      <c r="B343" s="146"/>
      <c r="C343" s="146"/>
      <c r="D343" s="146"/>
      <c r="E343" s="166"/>
      <c r="F343" s="166"/>
      <c r="G343" s="166"/>
      <c r="H343" s="166"/>
      <c r="I343" s="166"/>
      <c r="J343" s="166"/>
      <c r="K343" s="166"/>
      <c r="L343" s="166"/>
      <c r="M343" s="166"/>
      <c r="N343" s="166"/>
      <c r="O343" s="166"/>
      <c r="P343" s="166"/>
      <c r="Q343" s="166"/>
      <c r="R343" s="166"/>
      <c r="S343" s="166"/>
      <c r="T343" s="166"/>
      <c r="U343" s="166"/>
      <c r="V343" s="166"/>
      <c r="W343" s="166"/>
      <c r="X343" s="166"/>
      <c r="Y343" s="166"/>
      <c r="Z343" s="166"/>
      <c r="AA343" s="166"/>
      <c r="AB343" s="166"/>
      <c r="AC343" s="166"/>
      <c r="AD343" s="166"/>
      <c r="AE343" s="166"/>
      <c r="AF343" s="166"/>
      <c r="AG343" s="166"/>
      <c r="AH343" s="166"/>
      <c r="AI343" s="166"/>
      <c r="AJ343" s="166"/>
      <c r="AK343" s="166"/>
      <c r="AL343" s="166"/>
      <c r="AM343" s="166"/>
      <c r="AN343" s="166"/>
      <c r="AO343" s="166"/>
      <c r="AP343" s="166"/>
      <c r="AQ343" s="166"/>
      <c r="AR343" s="166"/>
      <c r="AS343" s="166"/>
      <c r="AT343" s="166"/>
      <c r="AU343" s="166"/>
      <c r="AV343" s="166"/>
      <c r="AW343" s="166"/>
      <c r="AX343" s="166"/>
      <c r="AY343" s="166"/>
      <c r="AZ343" s="166"/>
      <c r="BA343" s="166"/>
      <c r="BB343" s="166"/>
      <c r="BC343" s="166"/>
      <c r="BD343" s="166"/>
      <c r="BE343" s="166"/>
      <c r="BF343" s="166"/>
      <c r="BG343" s="166"/>
      <c r="BH343" s="166"/>
      <c r="BI343" s="166"/>
      <c r="BJ343" s="166"/>
      <c r="BK343" s="166"/>
      <c r="BL343" s="166"/>
      <c r="BM343" s="166"/>
      <c r="BN343" s="166"/>
    </row>
    <row r="344" spans="1:75" ht="54" customHeight="1">
      <c r="A344" s="383" t="s">
        <v>176</v>
      </c>
      <c r="B344" s="383"/>
      <c r="C344" s="383"/>
      <c r="D344" s="383"/>
      <c r="E344" s="384" t="s">
        <v>137</v>
      </c>
      <c r="F344" s="384"/>
      <c r="G344" s="384"/>
      <c r="H344" s="384"/>
      <c r="I344" s="384"/>
      <c r="J344" s="384"/>
      <c r="K344" s="384"/>
      <c r="L344" s="384"/>
      <c r="M344" s="384"/>
      <c r="N344" s="384"/>
      <c r="O344" s="384"/>
      <c r="P344" s="384"/>
      <c r="Q344" s="384"/>
      <c r="R344" s="384"/>
      <c r="S344" s="384"/>
      <c r="T344" s="384"/>
      <c r="U344" s="384"/>
      <c r="V344" s="384"/>
      <c r="W344" s="384"/>
      <c r="X344" s="384"/>
      <c r="Y344" s="384"/>
      <c r="Z344" s="384"/>
      <c r="AA344" s="384"/>
      <c r="AB344" s="384"/>
      <c r="AC344" s="384"/>
      <c r="AD344" s="384"/>
      <c r="AE344" s="384"/>
      <c r="AF344" s="384"/>
      <c r="AG344" s="384"/>
      <c r="AH344" s="384"/>
      <c r="AI344" s="384"/>
      <c r="AJ344" s="384"/>
      <c r="AK344" s="384"/>
      <c r="AL344" s="384"/>
      <c r="AM344" s="384"/>
      <c r="AN344" s="384"/>
      <c r="AO344" s="384"/>
      <c r="AP344" s="384"/>
      <c r="AQ344" s="384"/>
      <c r="AR344" s="384"/>
      <c r="AS344" s="384"/>
      <c r="AT344" s="384"/>
      <c r="AU344" s="384"/>
      <c r="AV344" s="384"/>
      <c r="AW344" s="384"/>
      <c r="AX344" s="384"/>
      <c r="AY344" s="384"/>
      <c r="AZ344" s="384"/>
      <c r="BA344" s="384"/>
      <c r="BB344" s="384"/>
      <c r="BC344" s="384"/>
      <c r="BD344" s="384"/>
      <c r="BE344" s="384"/>
      <c r="BF344" s="384"/>
      <c r="BG344" s="384"/>
      <c r="BH344" s="384"/>
      <c r="BI344" s="384"/>
      <c r="BJ344" s="384"/>
      <c r="BK344" s="384"/>
      <c r="BL344" s="384"/>
      <c r="BM344" s="384"/>
      <c r="BN344" s="384"/>
    </row>
    <row r="345" spans="1:75" ht="20.100000000000001" customHeight="1">
      <c r="E345" s="62" t="s">
        <v>75</v>
      </c>
      <c r="F345" s="62"/>
      <c r="G345" s="62"/>
      <c r="H345" s="62"/>
      <c r="I345" s="62"/>
      <c r="J345" s="62"/>
      <c r="K345" s="62"/>
      <c r="L345" s="62"/>
      <c r="M345" s="62"/>
      <c r="N345" s="62"/>
      <c r="O345" s="62"/>
      <c r="P345" s="62"/>
      <c r="Q345" s="62"/>
      <c r="R345" s="168"/>
      <c r="S345" s="168"/>
      <c r="T345" s="62"/>
      <c r="U345" s="62"/>
      <c r="V345" s="62"/>
      <c r="W345" s="62"/>
      <c r="X345" s="62"/>
      <c r="Y345" s="62"/>
      <c r="Z345" s="62"/>
      <c r="AA345" s="62"/>
      <c r="AB345" s="62"/>
      <c r="AC345" s="62"/>
      <c r="AD345" s="62"/>
      <c r="AE345" s="62"/>
      <c r="AF345" s="62"/>
      <c r="AG345" s="62"/>
      <c r="AH345" s="62"/>
      <c r="AI345" s="62"/>
      <c r="AJ345" s="62"/>
      <c r="AK345" s="62"/>
      <c r="AL345" s="62"/>
      <c r="AM345" s="62"/>
      <c r="AN345" s="62"/>
      <c r="AO345" s="62"/>
      <c r="AP345" s="62"/>
      <c r="AQ345" s="62"/>
      <c r="AR345" s="62"/>
      <c r="AS345" s="62"/>
      <c r="AT345" s="62"/>
      <c r="AU345" s="62"/>
      <c r="AV345" s="62"/>
      <c r="AW345" s="62"/>
      <c r="AX345" s="62"/>
      <c r="AY345" s="62"/>
      <c r="AZ345" s="62"/>
      <c r="BA345" s="62"/>
      <c r="BB345" s="62"/>
      <c r="BC345" s="62"/>
      <c r="BD345" s="62"/>
      <c r="BE345" s="62"/>
      <c r="BF345" s="62"/>
      <c r="BG345" s="62"/>
      <c r="BH345" s="62"/>
      <c r="BI345" s="62"/>
      <c r="BJ345" s="62"/>
      <c r="BK345" s="62"/>
      <c r="BL345" s="62"/>
      <c r="BM345" s="62"/>
      <c r="BN345" s="62"/>
    </row>
    <row r="346" spans="1:75" ht="35.25" customHeight="1">
      <c r="D346" s="110"/>
      <c r="E346" s="168"/>
      <c r="F346" s="168"/>
      <c r="G346" s="384" t="s">
        <v>138</v>
      </c>
      <c r="H346" s="384"/>
      <c r="I346" s="384"/>
      <c r="J346" s="384"/>
      <c r="K346" s="384"/>
      <c r="L346" s="384"/>
      <c r="M346" s="384"/>
      <c r="N346" s="384"/>
      <c r="O346" s="384"/>
      <c r="P346" s="384"/>
      <c r="Q346" s="384"/>
      <c r="R346" s="384"/>
      <c r="S346" s="384"/>
      <c r="T346" s="384"/>
      <c r="U346" s="384"/>
      <c r="V346" s="384"/>
      <c r="W346" s="384"/>
      <c r="X346" s="384"/>
      <c r="Y346" s="384"/>
      <c r="Z346" s="384"/>
      <c r="AA346" s="384"/>
      <c r="AB346" s="384"/>
      <c r="AC346" s="384"/>
      <c r="AD346" s="384"/>
      <c r="AE346" s="384"/>
      <c r="AF346" s="384"/>
      <c r="AG346" s="384"/>
      <c r="AH346" s="384"/>
      <c r="AI346" s="384"/>
      <c r="AJ346" s="384"/>
      <c r="AK346" s="384"/>
      <c r="AL346" s="384"/>
      <c r="AM346" s="384"/>
      <c r="AN346" s="384"/>
      <c r="AO346" s="384"/>
      <c r="AP346" s="384"/>
      <c r="AQ346" s="384"/>
      <c r="AR346" s="384"/>
      <c r="AS346" s="384"/>
      <c r="AT346" s="384"/>
      <c r="AU346" s="384"/>
      <c r="AV346" s="384"/>
      <c r="AW346" s="384"/>
      <c r="AX346" s="384"/>
      <c r="AY346" s="384"/>
      <c r="AZ346" s="384"/>
      <c r="BA346" s="384"/>
      <c r="BB346" s="384"/>
      <c r="BC346" s="384"/>
      <c r="BD346" s="384"/>
      <c r="BE346" s="384"/>
      <c r="BF346" s="384"/>
      <c r="BG346" s="384"/>
      <c r="BH346" s="384"/>
      <c r="BI346" s="384"/>
      <c r="BJ346" s="384"/>
      <c r="BK346" s="384"/>
      <c r="BL346" s="384"/>
      <c r="BM346" s="384"/>
      <c r="BN346" s="384"/>
    </row>
    <row r="347" spans="1:75" ht="20.100000000000001" customHeight="1">
      <c r="E347" s="62" t="s">
        <v>76</v>
      </c>
      <c r="F347" s="62"/>
      <c r="G347" s="62"/>
      <c r="H347" s="62"/>
      <c r="I347" s="62"/>
      <c r="J347" s="62"/>
      <c r="K347" s="62"/>
      <c r="L347" s="62"/>
      <c r="M347" s="62"/>
      <c r="N347" s="62"/>
      <c r="O347" s="62"/>
      <c r="P347" s="62"/>
      <c r="Q347" s="62"/>
      <c r="R347" s="168"/>
      <c r="S347" s="168"/>
      <c r="T347" s="62"/>
      <c r="U347" s="62"/>
      <c r="V347" s="62"/>
      <c r="W347" s="62"/>
      <c r="X347" s="62"/>
      <c r="Y347" s="62"/>
      <c r="Z347" s="62"/>
      <c r="AA347" s="62"/>
      <c r="AB347" s="62"/>
      <c r="AC347" s="62"/>
      <c r="AD347" s="62"/>
      <c r="AE347" s="62"/>
      <c r="AF347" s="62"/>
      <c r="AG347" s="62"/>
      <c r="AH347" s="62"/>
      <c r="AI347" s="62"/>
      <c r="AJ347" s="62"/>
      <c r="AK347" s="62"/>
      <c r="AL347" s="62"/>
      <c r="AM347" s="62"/>
      <c r="AN347" s="62"/>
      <c r="AO347" s="62"/>
      <c r="AP347" s="62"/>
      <c r="AQ347" s="62"/>
      <c r="AR347" s="62"/>
      <c r="AS347" s="62"/>
      <c r="AT347" s="62"/>
      <c r="AU347" s="62"/>
      <c r="AV347" s="62"/>
      <c r="AW347" s="62"/>
      <c r="AX347" s="62"/>
      <c r="AY347" s="62"/>
      <c r="AZ347" s="62"/>
      <c r="BA347" s="62"/>
      <c r="BB347" s="62"/>
      <c r="BC347" s="62"/>
      <c r="BD347" s="62"/>
      <c r="BE347" s="62"/>
      <c r="BF347" s="62"/>
      <c r="BG347" s="62"/>
      <c r="BH347" s="62"/>
      <c r="BI347" s="62"/>
      <c r="BJ347" s="62"/>
      <c r="BK347" s="62"/>
      <c r="BL347" s="62"/>
      <c r="BM347" s="62"/>
      <c r="BN347" s="62"/>
    </row>
    <row r="348" spans="1:75" ht="35.25" customHeight="1">
      <c r="D348" s="110"/>
      <c r="E348" s="168"/>
      <c r="F348" s="168"/>
      <c r="G348" s="384" t="s">
        <v>139</v>
      </c>
      <c r="H348" s="384"/>
      <c r="I348" s="384"/>
      <c r="J348" s="384"/>
      <c r="K348" s="384"/>
      <c r="L348" s="384"/>
      <c r="M348" s="384"/>
      <c r="N348" s="384"/>
      <c r="O348" s="384"/>
      <c r="P348" s="384"/>
      <c r="Q348" s="384"/>
      <c r="R348" s="384"/>
      <c r="S348" s="384"/>
      <c r="T348" s="384"/>
      <c r="U348" s="384"/>
      <c r="V348" s="384"/>
      <c r="W348" s="384"/>
      <c r="X348" s="384"/>
      <c r="Y348" s="384"/>
      <c r="Z348" s="384"/>
      <c r="AA348" s="384"/>
      <c r="AB348" s="384"/>
      <c r="AC348" s="384"/>
      <c r="AD348" s="384"/>
      <c r="AE348" s="384"/>
      <c r="AF348" s="384"/>
      <c r="AG348" s="384"/>
      <c r="AH348" s="384"/>
      <c r="AI348" s="384"/>
      <c r="AJ348" s="384"/>
      <c r="AK348" s="384"/>
      <c r="AL348" s="384"/>
      <c r="AM348" s="384"/>
      <c r="AN348" s="384"/>
      <c r="AO348" s="384"/>
      <c r="AP348" s="384"/>
      <c r="AQ348" s="384"/>
      <c r="AR348" s="384"/>
      <c r="AS348" s="384"/>
      <c r="AT348" s="384"/>
      <c r="AU348" s="384"/>
      <c r="AV348" s="384"/>
      <c r="AW348" s="384"/>
      <c r="AX348" s="384"/>
      <c r="AY348" s="384"/>
      <c r="AZ348" s="384"/>
      <c r="BA348" s="384"/>
      <c r="BB348" s="384"/>
      <c r="BC348" s="384"/>
      <c r="BD348" s="384"/>
      <c r="BE348" s="384"/>
      <c r="BF348" s="384"/>
      <c r="BG348" s="384"/>
      <c r="BH348" s="384"/>
      <c r="BI348" s="384"/>
      <c r="BJ348" s="384"/>
      <c r="BK348" s="384"/>
      <c r="BL348" s="384"/>
      <c r="BM348" s="384"/>
      <c r="BN348" s="384"/>
    </row>
    <row r="349" spans="1:75" ht="20.100000000000001" customHeight="1">
      <c r="E349" s="62" t="s">
        <v>77</v>
      </c>
      <c r="F349" s="62"/>
      <c r="G349" s="62"/>
      <c r="H349" s="62"/>
      <c r="I349" s="62"/>
      <c r="J349" s="62"/>
      <c r="K349" s="62"/>
      <c r="L349" s="62"/>
      <c r="M349" s="62"/>
      <c r="N349" s="62"/>
      <c r="O349" s="62"/>
      <c r="P349" s="62"/>
      <c r="Q349" s="62"/>
      <c r="R349" s="168"/>
      <c r="S349" s="168"/>
      <c r="T349" s="62"/>
      <c r="U349" s="62"/>
      <c r="V349" s="62"/>
      <c r="W349" s="62"/>
      <c r="X349" s="62"/>
      <c r="Y349" s="62"/>
      <c r="Z349" s="62"/>
      <c r="AA349" s="62"/>
      <c r="AB349" s="62"/>
      <c r="AC349" s="62"/>
      <c r="AD349" s="62"/>
      <c r="AE349" s="62"/>
      <c r="AF349" s="62"/>
      <c r="AG349" s="62"/>
      <c r="AH349" s="62"/>
      <c r="AI349" s="62"/>
      <c r="AJ349" s="62"/>
      <c r="AK349" s="62"/>
      <c r="AL349" s="62"/>
      <c r="AM349" s="62"/>
      <c r="AN349" s="62"/>
      <c r="AO349" s="62"/>
      <c r="AP349" s="62"/>
      <c r="AQ349" s="62"/>
      <c r="AR349" s="62"/>
      <c r="AS349" s="62"/>
      <c r="AT349" s="62"/>
      <c r="AU349" s="62"/>
      <c r="AV349" s="62"/>
      <c r="AW349" s="62"/>
      <c r="AX349" s="62"/>
      <c r="AY349" s="62"/>
      <c r="AZ349" s="62"/>
      <c r="BA349" s="62"/>
      <c r="BB349" s="62"/>
      <c r="BC349" s="62"/>
      <c r="BD349" s="62"/>
      <c r="BE349" s="62"/>
      <c r="BF349" s="62"/>
      <c r="BG349" s="62"/>
      <c r="BH349" s="62"/>
      <c r="BI349" s="62"/>
      <c r="BJ349" s="62"/>
      <c r="BK349" s="62"/>
      <c r="BL349" s="62"/>
      <c r="BM349" s="62"/>
      <c r="BN349" s="62"/>
    </row>
    <row r="350" spans="1:75" ht="19.5" customHeight="1">
      <c r="D350" s="110"/>
      <c r="E350" s="168"/>
      <c r="F350" s="168"/>
      <c r="G350" s="384" t="s">
        <v>140</v>
      </c>
      <c r="H350" s="384"/>
      <c r="I350" s="384"/>
      <c r="J350" s="384"/>
      <c r="K350" s="384"/>
      <c r="L350" s="384"/>
      <c r="M350" s="384"/>
      <c r="N350" s="384"/>
      <c r="O350" s="384"/>
      <c r="P350" s="384"/>
      <c r="Q350" s="384"/>
      <c r="R350" s="384"/>
      <c r="S350" s="384"/>
      <c r="T350" s="384"/>
      <c r="U350" s="384"/>
      <c r="V350" s="384"/>
      <c r="W350" s="384"/>
      <c r="X350" s="384"/>
      <c r="Y350" s="384"/>
      <c r="Z350" s="384"/>
      <c r="AA350" s="384"/>
      <c r="AB350" s="384"/>
      <c r="AC350" s="384"/>
      <c r="AD350" s="384"/>
      <c r="AE350" s="384"/>
      <c r="AF350" s="384"/>
      <c r="AG350" s="384"/>
      <c r="AH350" s="384"/>
      <c r="AI350" s="384"/>
      <c r="AJ350" s="384"/>
      <c r="AK350" s="384"/>
      <c r="AL350" s="384"/>
      <c r="AM350" s="384"/>
      <c r="AN350" s="384"/>
      <c r="AO350" s="384"/>
      <c r="AP350" s="384"/>
      <c r="AQ350" s="384"/>
      <c r="AR350" s="384"/>
      <c r="AS350" s="384"/>
      <c r="AT350" s="384"/>
      <c r="AU350" s="384"/>
      <c r="AV350" s="384"/>
      <c r="AW350" s="384"/>
      <c r="AX350" s="384"/>
      <c r="AY350" s="384"/>
      <c r="AZ350" s="384"/>
      <c r="BA350" s="384"/>
      <c r="BB350" s="384"/>
      <c r="BC350" s="384"/>
      <c r="BD350" s="384"/>
      <c r="BE350" s="384"/>
      <c r="BF350" s="384"/>
      <c r="BG350" s="384"/>
      <c r="BH350" s="384"/>
      <c r="BI350" s="384"/>
      <c r="BJ350" s="384"/>
      <c r="BK350" s="62"/>
      <c r="BL350" s="62"/>
      <c r="BM350" s="62"/>
      <c r="BN350" s="62"/>
    </row>
    <row r="351" spans="1:75" ht="20.100000000000001" customHeight="1">
      <c r="E351" s="62" t="s">
        <v>78</v>
      </c>
      <c r="F351" s="62"/>
      <c r="G351" s="62"/>
      <c r="H351" s="62"/>
      <c r="I351" s="62"/>
      <c r="J351" s="62"/>
      <c r="K351" s="62"/>
      <c r="L351" s="62"/>
      <c r="M351" s="62"/>
      <c r="N351" s="62"/>
      <c r="O351" s="62"/>
      <c r="P351" s="62"/>
      <c r="Q351" s="62"/>
      <c r="R351" s="62"/>
      <c r="S351" s="62"/>
      <c r="T351" s="62"/>
      <c r="U351" s="62"/>
      <c r="V351" s="62"/>
      <c r="W351" s="62"/>
      <c r="X351" s="62"/>
      <c r="Y351" s="62"/>
      <c r="Z351" s="62"/>
      <c r="AA351" s="62"/>
      <c r="AB351" s="62"/>
      <c r="AC351" s="62"/>
      <c r="AD351" s="62"/>
      <c r="AE351" s="62"/>
      <c r="AF351" s="62"/>
      <c r="AG351" s="62"/>
      <c r="AH351" s="62"/>
      <c r="AI351" s="62"/>
      <c r="AJ351" s="62"/>
      <c r="AK351" s="62"/>
      <c r="AL351" s="62"/>
      <c r="AM351" s="62"/>
      <c r="AN351" s="62"/>
      <c r="AO351" s="62"/>
      <c r="AP351" s="62"/>
      <c r="AQ351" s="62"/>
      <c r="AR351" s="62"/>
      <c r="AS351" s="62"/>
      <c r="AT351" s="62"/>
      <c r="AU351" s="62"/>
      <c r="AV351" s="62"/>
      <c r="AW351" s="62"/>
      <c r="AX351" s="62"/>
      <c r="AY351" s="62"/>
      <c r="AZ351" s="62"/>
      <c r="BA351" s="62"/>
      <c r="BB351" s="62"/>
      <c r="BC351" s="62"/>
      <c r="BD351" s="62"/>
      <c r="BE351" s="62"/>
      <c r="BF351" s="62"/>
      <c r="BG351" s="62"/>
      <c r="BH351" s="62"/>
      <c r="BI351" s="62"/>
      <c r="BJ351" s="62"/>
      <c r="BK351" s="62"/>
      <c r="BL351" s="63"/>
      <c r="BM351" s="63"/>
      <c r="BN351" s="63"/>
      <c r="BO351" s="67"/>
      <c r="BP351" s="67"/>
      <c r="BQ351" s="67"/>
      <c r="BR351" s="67"/>
      <c r="BS351" s="67"/>
      <c r="BT351" s="67"/>
      <c r="BU351" s="67"/>
      <c r="BV351" s="67"/>
      <c r="BW351" s="67"/>
    </row>
    <row r="352" spans="1:75" ht="20.100000000000001" customHeight="1">
      <c r="E352" s="168"/>
      <c r="F352" s="168"/>
      <c r="G352" s="168" t="s">
        <v>79</v>
      </c>
      <c r="H352" s="168"/>
      <c r="I352" s="168"/>
      <c r="J352" s="168"/>
      <c r="K352" s="168"/>
      <c r="L352" s="168"/>
      <c r="M352" s="168"/>
      <c r="N352" s="168"/>
      <c r="O352" s="168"/>
      <c r="P352" s="168"/>
      <c r="Q352" s="168"/>
      <c r="R352" s="168"/>
      <c r="S352" s="168"/>
      <c r="T352" s="168"/>
      <c r="U352" s="168"/>
      <c r="V352" s="168"/>
      <c r="W352" s="168"/>
      <c r="X352" s="168"/>
      <c r="Y352" s="168"/>
      <c r="Z352" s="168"/>
      <c r="AA352" s="168"/>
      <c r="AB352" s="168"/>
      <c r="AC352" s="168"/>
      <c r="AD352" s="168"/>
      <c r="AE352" s="168"/>
      <c r="AF352" s="168"/>
      <c r="AG352" s="168"/>
      <c r="AH352" s="168"/>
      <c r="AI352" s="168"/>
      <c r="AJ352" s="168"/>
      <c r="AK352" s="168"/>
      <c r="AL352" s="168"/>
      <c r="AM352" s="168"/>
      <c r="AN352" s="168"/>
      <c r="AO352" s="168"/>
      <c r="AP352" s="168"/>
      <c r="AQ352" s="168"/>
      <c r="AR352" s="168"/>
      <c r="AS352" s="168"/>
      <c r="AT352" s="168"/>
      <c r="AU352" s="168"/>
      <c r="AV352" s="168"/>
      <c r="AW352" s="168"/>
      <c r="AX352" s="168"/>
      <c r="AY352" s="168"/>
      <c r="AZ352" s="168"/>
      <c r="BA352" s="168"/>
      <c r="BB352" s="168"/>
      <c r="BC352" s="168"/>
      <c r="BD352" s="168"/>
      <c r="BE352" s="168"/>
      <c r="BF352" s="168"/>
      <c r="BG352" s="168"/>
      <c r="BH352" s="168"/>
      <c r="BI352" s="168"/>
      <c r="BJ352" s="168"/>
      <c r="BK352" s="168"/>
      <c r="BL352" s="169"/>
      <c r="BM352" s="169"/>
      <c r="BN352" s="169"/>
      <c r="BO352" s="166"/>
      <c r="BP352" s="166"/>
      <c r="BQ352" s="166"/>
      <c r="BR352" s="166"/>
      <c r="BS352" s="166"/>
      <c r="BT352" s="166"/>
      <c r="BU352" s="166"/>
      <c r="BV352" s="166"/>
    </row>
    <row r="353" spans="1:69" ht="20.100000000000001" customHeight="1">
      <c r="E353" s="62" t="s">
        <v>191</v>
      </c>
      <c r="F353" s="62"/>
      <c r="G353" s="62"/>
      <c r="H353" s="62"/>
      <c r="I353" s="62"/>
      <c r="J353" s="62"/>
      <c r="K353" s="62"/>
      <c r="L353" s="62"/>
      <c r="M353" s="62"/>
      <c r="N353" s="62"/>
      <c r="O353" s="62"/>
      <c r="P353" s="62"/>
      <c r="Q353" s="62"/>
      <c r="R353" s="62"/>
      <c r="S353" s="62"/>
      <c r="T353" s="62"/>
      <c r="U353" s="62"/>
      <c r="V353" s="62"/>
      <c r="W353" s="62"/>
      <c r="X353" s="62"/>
      <c r="Y353" s="62"/>
      <c r="Z353" s="62"/>
      <c r="AA353" s="62"/>
      <c r="AB353" s="62"/>
      <c r="AC353" s="62"/>
      <c r="AD353" s="62"/>
      <c r="AE353" s="62"/>
      <c r="AF353" s="62"/>
      <c r="AG353" s="62"/>
      <c r="AH353" s="62"/>
      <c r="AI353" s="62"/>
      <c r="AJ353" s="62"/>
      <c r="AK353" s="62"/>
      <c r="AL353" s="62"/>
      <c r="AM353" s="62"/>
      <c r="AN353" s="62"/>
      <c r="AO353" s="62"/>
      <c r="AP353" s="62"/>
      <c r="AQ353" s="62"/>
      <c r="AR353" s="62"/>
      <c r="AS353" s="62"/>
      <c r="AT353" s="62"/>
      <c r="AU353" s="62"/>
      <c r="AV353" s="62"/>
      <c r="AW353" s="62"/>
      <c r="AX353" s="62"/>
      <c r="AY353" s="62"/>
      <c r="AZ353" s="62"/>
      <c r="BA353" s="62"/>
      <c r="BB353" s="62"/>
      <c r="BC353" s="62"/>
      <c r="BD353" s="62"/>
      <c r="BE353" s="62"/>
      <c r="BF353" s="62"/>
      <c r="BG353" s="62"/>
      <c r="BH353" s="62"/>
      <c r="BI353" s="62"/>
      <c r="BJ353" s="62"/>
      <c r="BK353" s="62"/>
      <c r="BL353" s="63"/>
      <c r="BM353" s="63"/>
      <c r="BN353" s="63"/>
      <c r="BO353" s="67"/>
      <c r="BP353" s="67"/>
      <c r="BQ353" s="67"/>
    </row>
    <row r="354" spans="1:69" ht="20.100000000000001" customHeight="1">
      <c r="E354" s="62"/>
      <c r="F354" s="62"/>
      <c r="G354" s="62" t="s">
        <v>192</v>
      </c>
      <c r="H354" s="62"/>
      <c r="I354" s="62"/>
      <c r="J354" s="62"/>
      <c r="K354" s="62"/>
      <c r="L354" s="62"/>
      <c r="M354" s="62"/>
      <c r="N354" s="62"/>
      <c r="O354" s="62"/>
      <c r="P354" s="62"/>
      <c r="Q354" s="62"/>
      <c r="R354" s="62"/>
      <c r="S354" s="62"/>
      <c r="T354" s="62"/>
      <c r="U354" s="62"/>
      <c r="V354" s="62"/>
      <c r="W354" s="62"/>
      <c r="X354" s="62"/>
      <c r="Y354" s="62"/>
      <c r="Z354" s="62"/>
      <c r="AA354" s="62"/>
      <c r="AB354" s="62"/>
      <c r="AC354" s="64"/>
      <c r="AD354" s="64"/>
      <c r="AE354" s="64"/>
      <c r="AF354" s="64"/>
      <c r="AG354" s="64"/>
      <c r="AH354" s="64"/>
      <c r="AI354" s="62"/>
      <c r="AJ354" s="62"/>
      <c r="AK354" s="62"/>
      <c r="AL354" s="62"/>
      <c r="AM354" s="62"/>
      <c r="AN354" s="62"/>
      <c r="AO354" s="62"/>
      <c r="AP354" s="62"/>
      <c r="AQ354" s="62"/>
      <c r="AR354" s="62"/>
      <c r="AS354" s="62"/>
      <c r="AT354" s="62"/>
      <c r="AU354" s="62"/>
      <c r="AV354" s="62"/>
      <c r="AW354" s="62"/>
      <c r="AX354" s="62"/>
      <c r="AY354" s="62"/>
      <c r="AZ354" s="62"/>
      <c r="BA354" s="64"/>
      <c r="BB354" s="64"/>
      <c r="BC354" s="64"/>
      <c r="BD354" s="64"/>
      <c r="BE354" s="62"/>
      <c r="BF354" s="62"/>
      <c r="BG354" s="64"/>
      <c r="BH354" s="64"/>
      <c r="BI354" s="64"/>
      <c r="BJ354" s="64"/>
      <c r="BK354" s="64"/>
      <c r="BL354" s="64"/>
      <c r="BM354" s="62"/>
      <c r="BN354" s="62"/>
    </row>
    <row r="355" spans="1:69" ht="19.5" customHeight="1">
      <c r="A355" s="207" t="s">
        <v>273</v>
      </c>
      <c r="B355" s="207"/>
      <c r="C355" s="207"/>
      <c r="D355" s="207"/>
      <c r="E355" s="198" t="s">
        <v>203</v>
      </c>
      <c r="AC355" s="162"/>
      <c r="AD355" s="162"/>
      <c r="AE355" s="162"/>
      <c r="AF355" s="162"/>
      <c r="AG355" s="162"/>
      <c r="AH355" s="162"/>
      <c r="BA355" s="162"/>
      <c r="BB355" s="162"/>
      <c r="BC355" s="162"/>
      <c r="BD355" s="162"/>
      <c r="BG355" s="162"/>
      <c r="BH355" s="162"/>
      <c r="BI355" s="162"/>
      <c r="BJ355" s="162"/>
      <c r="BK355" s="162"/>
      <c r="BL355" s="162"/>
    </row>
    <row r="356" spans="1:69" ht="61.5" customHeight="1">
      <c r="A356" s="207" t="s">
        <v>181</v>
      </c>
      <c r="B356" s="207"/>
      <c r="C356" s="207"/>
      <c r="D356" s="207"/>
      <c r="E356" s="336" t="s">
        <v>269</v>
      </c>
      <c r="F356" s="336"/>
      <c r="G356" s="336"/>
      <c r="H356" s="336"/>
      <c r="I356" s="336"/>
      <c r="J356" s="336"/>
      <c r="K356" s="336"/>
      <c r="L356" s="336"/>
      <c r="M356" s="336"/>
      <c r="N356" s="336"/>
      <c r="O356" s="336"/>
      <c r="P356" s="336"/>
      <c r="Q356" s="336"/>
      <c r="R356" s="336"/>
      <c r="S356" s="336"/>
      <c r="T356" s="336"/>
      <c r="U356" s="336"/>
      <c r="V356" s="336"/>
      <c r="W356" s="336"/>
      <c r="X356" s="336"/>
      <c r="Y356" s="336"/>
      <c r="Z356" s="336"/>
      <c r="AA356" s="336"/>
      <c r="AB356" s="336"/>
      <c r="AC356" s="336"/>
      <c r="AD356" s="336"/>
      <c r="AE356" s="336"/>
      <c r="AF356" s="336"/>
      <c r="AG356" s="336"/>
      <c r="AH356" s="336"/>
      <c r="AI356" s="336"/>
      <c r="AJ356" s="336"/>
      <c r="AK356" s="336"/>
      <c r="AL356" s="336"/>
      <c r="AM356" s="336"/>
      <c r="AN356" s="336"/>
      <c r="AO356" s="336"/>
      <c r="AP356" s="336"/>
      <c r="AQ356" s="336"/>
      <c r="AR356" s="336"/>
      <c r="AS356" s="336"/>
      <c r="AT356" s="336"/>
      <c r="AU356" s="336"/>
      <c r="AV356" s="336"/>
      <c r="AW356" s="336"/>
      <c r="AX356" s="336"/>
      <c r="AY356" s="336"/>
      <c r="AZ356" s="336"/>
      <c r="BA356" s="336"/>
      <c r="BB356" s="336"/>
      <c r="BC356" s="336"/>
      <c r="BD356" s="336"/>
      <c r="BE356" s="336"/>
      <c r="BF356" s="336"/>
      <c r="BG356" s="336"/>
      <c r="BH356" s="336"/>
      <c r="BI356" s="336"/>
      <c r="BJ356" s="336"/>
      <c r="BK356" s="336"/>
      <c r="BL356" s="336"/>
      <c r="BM356" s="336"/>
      <c r="BN356" s="336"/>
    </row>
    <row r="357" spans="1:69" ht="35.25" customHeight="1">
      <c r="A357" s="207" t="s">
        <v>182</v>
      </c>
      <c r="B357" s="207"/>
      <c r="C357" s="207"/>
      <c r="D357" s="207"/>
      <c r="E357" s="336" t="s">
        <v>141</v>
      </c>
      <c r="F357" s="336"/>
      <c r="G357" s="336"/>
      <c r="H357" s="336"/>
      <c r="I357" s="336"/>
      <c r="J357" s="336"/>
      <c r="K357" s="336"/>
      <c r="L357" s="336"/>
      <c r="M357" s="336"/>
      <c r="N357" s="336"/>
      <c r="O357" s="336"/>
      <c r="P357" s="336"/>
      <c r="Q357" s="336"/>
      <c r="R357" s="336"/>
      <c r="S357" s="336"/>
      <c r="T357" s="336"/>
      <c r="U357" s="336"/>
      <c r="V357" s="336"/>
      <c r="W357" s="336"/>
      <c r="X357" s="336"/>
      <c r="Y357" s="336"/>
      <c r="Z357" s="336"/>
      <c r="AA357" s="336"/>
      <c r="AB357" s="336"/>
      <c r="AC357" s="336"/>
      <c r="AD357" s="336"/>
      <c r="AE357" s="336"/>
      <c r="AF357" s="336"/>
      <c r="AG357" s="336"/>
      <c r="AH357" s="336"/>
      <c r="AI357" s="336"/>
      <c r="AJ357" s="336"/>
      <c r="AK357" s="336"/>
      <c r="AL357" s="336"/>
      <c r="AM357" s="336"/>
      <c r="AN357" s="336"/>
      <c r="AO357" s="336"/>
      <c r="AP357" s="336"/>
      <c r="AQ357" s="336"/>
      <c r="AR357" s="336"/>
      <c r="AS357" s="336"/>
      <c r="AT357" s="336"/>
      <c r="AU357" s="336"/>
      <c r="AV357" s="336"/>
      <c r="AW357" s="336"/>
      <c r="AX357" s="336"/>
      <c r="AY357" s="336"/>
      <c r="AZ357" s="336"/>
      <c r="BA357" s="336"/>
      <c r="BB357" s="336"/>
      <c r="BC357" s="336"/>
      <c r="BD357" s="336"/>
      <c r="BE357" s="336"/>
      <c r="BF357" s="336"/>
      <c r="BG357" s="336"/>
      <c r="BH357" s="336"/>
      <c r="BI357" s="336"/>
      <c r="BJ357" s="336"/>
      <c r="BK357" s="336"/>
      <c r="BL357" s="336"/>
      <c r="BM357" s="336"/>
      <c r="BN357" s="336"/>
    </row>
    <row r="358" spans="1:69" ht="49.5" customHeight="1">
      <c r="A358" s="207" t="s">
        <v>274</v>
      </c>
      <c r="B358" s="207"/>
      <c r="C358" s="207"/>
      <c r="D358" s="207"/>
      <c r="E358" s="336" t="s">
        <v>210</v>
      </c>
      <c r="F358" s="336"/>
      <c r="G358" s="336"/>
      <c r="H358" s="336"/>
      <c r="I358" s="336"/>
      <c r="J358" s="336"/>
      <c r="K358" s="336"/>
      <c r="L358" s="336"/>
      <c r="M358" s="336"/>
      <c r="N358" s="336"/>
      <c r="O358" s="336"/>
      <c r="P358" s="336"/>
      <c r="Q358" s="336"/>
      <c r="R358" s="336"/>
      <c r="S358" s="336"/>
      <c r="T358" s="336"/>
      <c r="U358" s="336"/>
      <c r="V358" s="336"/>
      <c r="W358" s="336"/>
      <c r="X358" s="336"/>
      <c r="Y358" s="336"/>
      <c r="Z358" s="336"/>
      <c r="AA358" s="336"/>
      <c r="AB358" s="336"/>
      <c r="AC358" s="336"/>
      <c r="AD358" s="336"/>
      <c r="AE358" s="336"/>
      <c r="AF358" s="336"/>
      <c r="AG358" s="336"/>
      <c r="AH358" s="336"/>
      <c r="AI358" s="336"/>
      <c r="AJ358" s="336"/>
      <c r="AK358" s="336"/>
      <c r="AL358" s="336"/>
      <c r="AM358" s="336"/>
      <c r="AN358" s="336"/>
      <c r="AO358" s="336"/>
      <c r="AP358" s="336"/>
      <c r="AQ358" s="336"/>
      <c r="AR358" s="336"/>
      <c r="AS358" s="336"/>
      <c r="AT358" s="336"/>
      <c r="AU358" s="336"/>
      <c r="AV358" s="336"/>
      <c r="AW358" s="336"/>
      <c r="AX358" s="336"/>
      <c r="AY358" s="336"/>
      <c r="AZ358" s="336"/>
      <c r="BA358" s="336"/>
      <c r="BB358" s="336"/>
      <c r="BC358" s="336"/>
      <c r="BD358" s="336"/>
      <c r="BE358" s="336"/>
      <c r="BF358" s="336"/>
      <c r="BG358" s="336"/>
      <c r="BH358" s="336"/>
      <c r="BI358" s="336"/>
      <c r="BJ358" s="336"/>
      <c r="BK358" s="336"/>
      <c r="BL358" s="336"/>
      <c r="BM358" s="336"/>
      <c r="BN358" s="336"/>
    </row>
    <row r="359" spans="1:69" ht="35.25" customHeight="1">
      <c r="A359" s="207" t="s">
        <v>183</v>
      </c>
      <c r="B359" s="207"/>
      <c r="C359" s="207"/>
      <c r="D359" s="207"/>
      <c r="E359" s="336" t="s">
        <v>142</v>
      </c>
      <c r="F359" s="336"/>
      <c r="G359" s="336"/>
      <c r="H359" s="336"/>
      <c r="I359" s="336"/>
      <c r="J359" s="336"/>
      <c r="K359" s="336"/>
      <c r="L359" s="336"/>
      <c r="M359" s="336"/>
      <c r="N359" s="336"/>
      <c r="O359" s="336"/>
      <c r="P359" s="336"/>
      <c r="Q359" s="336"/>
      <c r="R359" s="336"/>
      <c r="S359" s="336"/>
      <c r="T359" s="336"/>
      <c r="U359" s="336"/>
      <c r="V359" s="336"/>
      <c r="W359" s="336"/>
      <c r="X359" s="336"/>
      <c r="Y359" s="336"/>
      <c r="Z359" s="336"/>
      <c r="AA359" s="336"/>
      <c r="AB359" s="336"/>
      <c r="AC359" s="336"/>
      <c r="AD359" s="336"/>
      <c r="AE359" s="336"/>
      <c r="AF359" s="336"/>
      <c r="AG359" s="336"/>
      <c r="AH359" s="336"/>
      <c r="AI359" s="336"/>
      <c r="AJ359" s="336"/>
      <c r="AK359" s="336"/>
      <c r="AL359" s="336"/>
      <c r="AM359" s="336"/>
      <c r="AN359" s="336"/>
      <c r="AO359" s="336"/>
      <c r="AP359" s="336"/>
      <c r="AQ359" s="336"/>
      <c r="AR359" s="336"/>
      <c r="AS359" s="336"/>
      <c r="AT359" s="336"/>
      <c r="AU359" s="336"/>
      <c r="AV359" s="336"/>
      <c r="AW359" s="336"/>
      <c r="AX359" s="336"/>
      <c r="AY359" s="336"/>
      <c r="AZ359" s="336"/>
      <c r="BA359" s="336"/>
      <c r="BB359" s="336"/>
      <c r="BC359" s="336"/>
      <c r="BD359" s="336"/>
      <c r="BE359" s="336"/>
      <c r="BF359" s="336"/>
      <c r="BG359" s="336"/>
      <c r="BH359" s="336"/>
      <c r="BI359" s="336"/>
      <c r="BJ359" s="336"/>
      <c r="BK359" s="336"/>
      <c r="BL359" s="336"/>
      <c r="BM359" s="336"/>
      <c r="BN359" s="336"/>
    </row>
    <row r="360" spans="1:69" ht="20.100000000000001" customHeight="1">
      <c r="A360" s="207" t="s">
        <v>193</v>
      </c>
      <c r="B360" s="207"/>
      <c r="C360" s="207"/>
      <c r="D360" s="207"/>
      <c r="E360" s="198" t="s">
        <v>80</v>
      </c>
    </row>
    <row r="361" spans="1:69" ht="20.100000000000001" customHeight="1">
      <c r="A361" s="110" t="s">
        <v>256</v>
      </c>
      <c r="B361" s="146"/>
      <c r="C361" s="146"/>
      <c r="D361" s="146"/>
    </row>
    <row r="362" spans="1:69" ht="112.5" customHeight="1">
      <c r="A362" s="207"/>
      <c r="B362" s="207"/>
      <c r="C362" s="207"/>
      <c r="D362" s="207"/>
      <c r="E362" s="336" t="s">
        <v>290</v>
      </c>
      <c r="F362" s="336"/>
      <c r="G362" s="336"/>
      <c r="H362" s="336"/>
      <c r="I362" s="336"/>
      <c r="J362" s="336"/>
      <c r="K362" s="336"/>
      <c r="L362" s="336"/>
      <c r="M362" s="336"/>
      <c r="N362" s="336"/>
      <c r="O362" s="336"/>
      <c r="P362" s="336"/>
      <c r="Q362" s="336"/>
      <c r="R362" s="336"/>
      <c r="S362" s="336"/>
      <c r="T362" s="336"/>
      <c r="U362" s="336"/>
      <c r="V362" s="336"/>
      <c r="W362" s="336"/>
      <c r="X362" s="336"/>
      <c r="Y362" s="336"/>
      <c r="Z362" s="336"/>
      <c r="AA362" s="336"/>
      <c r="AB362" s="336"/>
      <c r="AC362" s="336"/>
      <c r="AD362" s="336"/>
      <c r="AE362" s="336"/>
      <c r="AF362" s="336"/>
      <c r="AG362" s="336"/>
      <c r="AH362" s="336"/>
      <c r="AI362" s="336"/>
      <c r="AJ362" s="336"/>
      <c r="AK362" s="336"/>
      <c r="AL362" s="336"/>
      <c r="AM362" s="336"/>
      <c r="AN362" s="336"/>
      <c r="AO362" s="336"/>
      <c r="AP362" s="336"/>
      <c r="AQ362" s="336"/>
      <c r="AR362" s="336"/>
      <c r="AS362" s="336"/>
      <c r="AT362" s="336"/>
      <c r="AU362" s="336"/>
      <c r="AV362" s="336"/>
      <c r="AW362" s="336"/>
      <c r="AX362" s="336"/>
      <c r="AY362" s="336"/>
      <c r="AZ362" s="336"/>
      <c r="BA362" s="336"/>
      <c r="BB362" s="336"/>
      <c r="BC362" s="336"/>
      <c r="BD362" s="336"/>
      <c r="BE362" s="336"/>
      <c r="BF362" s="336"/>
      <c r="BG362" s="336"/>
      <c r="BH362" s="336"/>
      <c r="BI362" s="336"/>
      <c r="BJ362" s="336"/>
      <c r="BK362" s="336"/>
      <c r="BL362" s="336"/>
      <c r="BM362" s="336"/>
      <c r="BN362" s="336"/>
    </row>
    <row r="363" spans="1:69" ht="38.25" customHeight="1">
      <c r="A363" s="207" t="s">
        <v>257</v>
      </c>
      <c r="B363" s="207"/>
      <c r="C363" s="207"/>
      <c r="D363" s="207"/>
      <c r="E363" s="336" t="s">
        <v>204</v>
      </c>
      <c r="F363" s="336"/>
      <c r="G363" s="336"/>
      <c r="H363" s="336"/>
      <c r="I363" s="336"/>
      <c r="J363" s="336"/>
      <c r="K363" s="336"/>
      <c r="L363" s="336"/>
      <c r="M363" s="336"/>
      <c r="N363" s="336"/>
      <c r="O363" s="336"/>
      <c r="P363" s="336"/>
      <c r="Q363" s="336"/>
      <c r="R363" s="336"/>
      <c r="S363" s="336"/>
      <c r="T363" s="336"/>
      <c r="U363" s="336"/>
      <c r="V363" s="336"/>
      <c r="W363" s="336"/>
      <c r="X363" s="336"/>
      <c r="Y363" s="336"/>
      <c r="Z363" s="336"/>
      <c r="AA363" s="336"/>
      <c r="AB363" s="336"/>
      <c r="AC363" s="336"/>
      <c r="AD363" s="336"/>
      <c r="AE363" s="336"/>
      <c r="AF363" s="336"/>
      <c r="AG363" s="336"/>
      <c r="AH363" s="336"/>
      <c r="AI363" s="336"/>
      <c r="AJ363" s="336"/>
      <c r="AK363" s="336"/>
      <c r="AL363" s="336"/>
      <c r="AM363" s="336"/>
      <c r="AN363" s="336"/>
      <c r="AO363" s="336"/>
      <c r="AP363" s="336"/>
      <c r="AQ363" s="336"/>
      <c r="AR363" s="336"/>
      <c r="AS363" s="336"/>
      <c r="AT363" s="336"/>
      <c r="AU363" s="336"/>
      <c r="AV363" s="336"/>
      <c r="AW363" s="336"/>
      <c r="AX363" s="336"/>
      <c r="AY363" s="336"/>
      <c r="AZ363" s="336"/>
      <c r="BA363" s="336"/>
      <c r="BB363" s="336"/>
      <c r="BC363" s="336"/>
      <c r="BD363" s="336"/>
      <c r="BE363" s="336"/>
      <c r="BF363" s="336"/>
      <c r="BG363" s="336"/>
      <c r="BH363" s="336"/>
      <c r="BI363" s="336"/>
      <c r="BJ363" s="336"/>
      <c r="BK363" s="336"/>
      <c r="BL363" s="336"/>
      <c r="BM363" s="336"/>
      <c r="BN363" s="336"/>
      <c r="BO363" s="67"/>
    </row>
    <row r="364" spans="1:69" ht="20.100000000000001" customHeight="1">
      <c r="A364" s="110" t="s">
        <v>258</v>
      </c>
      <c r="B364" s="146"/>
      <c r="C364" s="146"/>
      <c r="D364" s="146"/>
    </row>
    <row r="365" spans="1:69" ht="72" customHeight="1">
      <c r="A365" s="207"/>
      <c r="B365" s="207"/>
      <c r="C365" s="207"/>
      <c r="D365" s="207"/>
      <c r="E365" s="336" t="s">
        <v>236</v>
      </c>
      <c r="F365" s="336"/>
      <c r="G365" s="336"/>
      <c r="H365" s="336"/>
      <c r="I365" s="336"/>
      <c r="J365" s="336"/>
      <c r="K365" s="336"/>
      <c r="L365" s="336"/>
      <c r="M365" s="336"/>
      <c r="N365" s="336"/>
      <c r="O365" s="336"/>
      <c r="P365" s="336"/>
      <c r="Q365" s="336"/>
      <c r="R365" s="336"/>
      <c r="S365" s="336"/>
      <c r="T365" s="336"/>
      <c r="U365" s="336"/>
      <c r="V365" s="336"/>
      <c r="W365" s="336"/>
      <c r="X365" s="336"/>
      <c r="Y365" s="336"/>
      <c r="Z365" s="336"/>
      <c r="AA365" s="336"/>
      <c r="AB365" s="336"/>
      <c r="AC365" s="336"/>
      <c r="AD365" s="336"/>
      <c r="AE365" s="336"/>
      <c r="AF365" s="336"/>
      <c r="AG365" s="336"/>
      <c r="AH365" s="336"/>
      <c r="AI365" s="336"/>
      <c r="AJ365" s="336"/>
      <c r="AK365" s="336"/>
      <c r="AL365" s="336"/>
      <c r="AM365" s="336"/>
      <c r="AN365" s="336"/>
      <c r="AO365" s="336"/>
      <c r="AP365" s="336"/>
      <c r="AQ365" s="336"/>
      <c r="AR365" s="336"/>
      <c r="AS365" s="336"/>
      <c r="AT365" s="336"/>
      <c r="AU365" s="336"/>
      <c r="AV365" s="336"/>
      <c r="AW365" s="336"/>
      <c r="AX365" s="336"/>
      <c r="AY365" s="336"/>
      <c r="AZ365" s="336"/>
      <c r="BA365" s="336"/>
      <c r="BB365" s="336"/>
      <c r="BC365" s="336"/>
      <c r="BD365" s="336"/>
      <c r="BE365" s="336"/>
      <c r="BF365" s="336"/>
      <c r="BG365" s="336"/>
      <c r="BH365" s="336"/>
      <c r="BI365" s="336"/>
      <c r="BJ365" s="336"/>
      <c r="BK365" s="336"/>
      <c r="BL365" s="336"/>
      <c r="BM365" s="336"/>
      <c r="BN365" s="336"/>
    </row>
    <row r="366" spans="1:69" ht="54" customHeight="1">
      <c r="A366" s="207" t="s">
        <v>259</v>
      </c>
      <c r="B366" s="207"/>
      <c r="C366" s="207"/>
      <c r="D366" s="207"/>
      <c r="E366" s="336" t="s">
        <v>213</v>
      </c>
      <c r="F366" s="336"/>
      <c r="G366" s="336"/>
      <c r="H366" s="336"/>
      <c r="I366" s="336"/>
      <c r="J366" s="336"/>
      <c r="K366" s="336"/>
      <c r="L366" s="336"/>
      <c r="M366" s="336"/>
      <c r="N366" s="336"/>
      <c r="O366" s="336"/>
      <c r="P366" s="336"/>
      <c r="Q366" s="336"/>
      <c r="R366" s="336"/>
      <c r="S366" s="336"/>
      <c r="T366" s="336"/>
      <c r="U366" s="336"/>
      <c r="V366" s="336"/>
      <c r="W366" s="336"/>
      <c r="X366" s="336"/>
      <c r="Y366" s="336"/>
      <c r="Z366" s="336"/>
      <c r="AA366" s="336"/>
      <c r="AB366" s="336"/>
      <c r="AC366" s="336"/>
      <c r="AD366" s="336"/>
      <c r="AE366" s="336"/>
      <c r="AF366" s="336"/>
      <c r="AG366" s="336"/>
      <c r="AH366" s="336"/>
      <c r="AI366" s="336"/>
      <c r="AJ366" s="336"/>
      <c r="AK366" s="336"/>
      <c r="AL366" s="336"/>
      <c r="AM366" s="336"/>
      <c r="AN366" s="336"/>
      <c r="AO366" s="336"/>
      <c r="AP366" s="336"/>
      <c r="AQ366" s="336"/>
      <c r="AR366" s="336"/>
      <c r="AS366" s="336"/>
      <c r="AT366" s="336"/>
      <c r="AU366" s="336"/>
      <c r="AV366" s="336"/>
      <c r="AW366" s="336"/>
      <c r="AX366" s="336"/>
      <c r="AY366" s="336"/>
      <c r="AZ366" s="336"/>
      <c r="BA366" s="336"/>
      <c r="BB366" s="336"/>
      <c r="BC366" s="336"/>
      <c r="BD366" s="336"/>
      <c r="BE366" s="336"/>
      <c r="BF366" s="336"/>
      <c r="BG366" s="336"/>
      <c r="BH366" s="336"/>
      <c r="BI366" s="336"/>
      <c r="BJ366" s="336"/>
      <c r="BK366" s="336"/>
      <c r="BL366" s="336"/>
      <c r="BM366" s="336"/>
      <c r="BN366" s="336"/>
      <c r="BO366" s="67"/>
    </row>
    <row r="367" spans="1:69" ht="69.75" customHeight="1">
      <c r="A367" s="207" t="s">
        <v>260</v>
      </c>
      <c r="B367" s="207"/>
      <c r="C367" s="207"/>
      <c r="D367" s="207"/>
      <c r="E367" s="336" t="s">
        <v>214</v>
      </c>
      <c r="F367" s="336"/>
      <c r="G367" s="336"/>
      <c r="H367" s="336"/>
      <c r="I367" s="336"/>
      <c r="J367" s="336"/>
      <c r="K367" s="336"/>
      <c r="L367" s="336"/>
      <c r="M367" s="336"/>
      <c r="N367" s="336"/>
      <c r="O367" s="336"/>
      <c r="P367" s="336"/>
      <c r="Q367" s="336"/>
      <c r="R367" s="336"/>
      <c r="S367" s="336"/>
      <c r="T367" s="336"/>
      <c r="U367" s="336"/>
      <c r="V367" s="336"/>
      <c r="W367" s="336"/>
      <c r="X367" s="336"/>
      <c r="Y367" s="336"/>
      <c r="Z367" s="336"/>
      <c r="AA367" s="336"/>
      <c r="AB367" s="336"/>
      <c r="AC367" s="336"/>
      <c r="AD367" s="336"/>
      <c r="AE367" s="336"/>
      <c r="AF367" s="336"/>
      <c r="AG367" s="336"/>
      <c r="AH367" s="336"/>
      <c r="AI367" s="336"/>
      <c r="AJ367" s="336"/>
      <c r="AK367" s="336"/>
      <c r="AL367" s="336"/>
      <c r="AM367" s="336"/>
      <c r="AN367" s="336"/>
      <c r="AO367" s="336"/>
      <c r="AP367" s="336"/>
      <c r="AQ367" s="336"/>
      <c r="AR367" s="336"/>
      <c r="AS367" s="336"/>
      <c r="AT367" s="336"/>
      <c r="AU367" s="336"/>
      <c r="AV367" s="336"/>
      <c r="AW367" s="336"/>
      <c r="AX367" s="336"/>
      <c r="AY367" s="336"/>
      <c r="AZ367" s="336"/>
      <c r="BA367" s="336"/>
      <c r="BB367" s="336"/>
      <c r="BC367" s="336"/>
      <c r="BD367" s="336"/>
      <c r="BE367" s="336"/>
      <c r="BF367" s="336"/>
      <c r="BG367" s="336"/>
      <c r="BH367" s="336"/>
      <c r="BI367" s="336"/>
      <c r="BJ367" s="336"/>
      <c r="BK367" s="336"/>
      <c r="BL367" s="336"/>
      <c r="BM367" s="336"/>
      <c r="BN367" s="336"/>
      <c r="BO367" s="67"/>
    </row>
    <row r="368" spans="1:69" ht="54.75" customHeight="1">
      <c r="A368" s="207" t="s">
        <v>261</v>
      </c>
      <c r="B368" s="207"/>
      <c r="C368" s="207"/>
      <c r="D368" s="207"/>
      <c r="E368" s="336" t="s">
        <v>206</v>
      </c>
      <c r="F368" s="336"/>
      <c r="G368" s="336"/>
      <c r="H368" s="336"/>
      <c r="I368" s="336"/>
      <c r="J368" s="336"/>
      <c r="K368" s="336"/>
      <c r="L368" s="336"/>
      <c r="M368" s="336"/>
      <c r="N368" s="336"/>
      <c r="O368" s="336"/>
      <c r="P368" s="336"/>
      <c r="Q368" s="336"/>
      <c r="R368" s="336"/>
      <c r="S368" s="336"/>
      <c r="T368" s="336"/>
      <c r="U368" s="336"/>
      <c r="V368" s="336"/>
      <c r="W368" s="336"/>
      <c r="X368" s="336"/>
      <c r="Y368" s="336"/>
      <c r="Z368" s="336"/>
      <c r="AA368" s="336"/>
      <c r="AB368" s="336"/>
      <c r="AC368" s="336"/>
      <c r="AD368" s="336"/>
      <c r="AE368" s="336"/>
      <c r="AF368" s="336"/>
      <c r="AG368" s="336"/>
      <c r="AH368" s="336"/>
      <c r="AI368" s="336"/>
      <c r="AJ368" s="336"/>
      <c r="AK368" s="336"/>
      <c r="AL368" s="336"/>
      <c r="AM368" s="336"/>
      <c r="AN368" s="336"/>
      <c r="AO368" s="336"/>
      <c r="AP368" s="336"/>
      <c r="AQ368" s="336"/>
      <c r="AR368" s="336"/>
      <c r="AS368" s="336"/>
      <c r="AT368" s="336"/>
      <c r="AU368" s="336"/>
      <c r="AV368" s="336"/>
      <c r="AW368" s="336"/>
      <c r="AX368" s="336"/>
      <c r="AY368" s="336"/>
      <c r="AZ368" s="336"/>
      <c r="BA368" s="336"/>
      <c r="BB368" s="336"/>
      <c r="BC368" s="336"/>
      <c r="BD368" s="336"/>
      <c r="BE368" s="336"/>
      <c r="BF368" s="336"/>
      <c r="BG368" s="336"/>
      <c r="BH368" s="336"/>
      <c r="BI368" s="336"/>
      <c r="BJ368" s="336"/>
      <c r="BK368" s="336"/>
      <c r="BL368" s="336"/>
      <c r="BM368" s="336"/>
      <c r="BN368" s="336"/>
    </row>
    <row r="369" spans="5:75" ht="20.100000000000001" customHeight="1">
      <c r="F369" s="110"/>
      <c r="G369" s="110"/>
      <c r="H369" s="110"/>
      <c r="I369" s="110"/>
      <c r="J369" s="110"/>
      <c r="K369" s="110"/>
      <c r="L369" s="110"/>
      <c r="M369" s="110"/>
      <c r="N369" s="110"/>
      <c r="O369" s="110"/>
      <c r="P369" s="110"/>
      <c r="Q369" s="110"/>
      <c r="S369" s="110"/>
      <c r="T369" s="110"/>
      <c r="U369" s="110"/>
      <c r="V369" s="110"/>
      <c r="W369" s="110"/>
      <c r="X369" s="110"/>
      <c r="Y369" s="110"/>
      <c r="Z369" s="110"/>
      <c r="AA369" s="110"/>
      <c r="AB369" s="110"/>
      <c r="AC369" s="110"/>
      <c r="AD369" s="110"/>
      <c r="AE369" s="110"/>
      <c r="AF369" s="110"/>
      <c r="AG369" s="110"/>
      <c r="AH369" s="110"/>
      <c r="AI369" s="110"/>
      <c r="AK369" s="110"/>
      <c r="AL369" s="110"/>
      <c r="AM369" s="110"/>
      <c r="AN369" s="110"/>
      <c r="AO369" s="110"/>
      <c r="AP369" s="110"/>
    </row>
    <row r="370" spans="5:75" ht="20.100000000000001" customHeight="1">
      <c r="E370" s="146"/>
    </row>
    <row r="371" spans="5:75" ht="20.100000000000001" customHeight="1"/>
    <row r="372" spans="5:75" ht="20.100000000000001" customHeight="1">
      <c r="BL372" s="67"/>
      <c r="BM372" s="67"/>
      <c r="BN372" s="67"/>
      <c r="BO372" s="67"/>
      <c r="BP372" s="67"/>
      <c r="BQ372" s="67"/>
      <c r="BR372" s="67"/>
      <c r="BS372" s="67"/>
    </row>
    <row r="373" spans="5:75" ht="20.100000000000001" customHeight="1">
      <c r="BL373" s="67"/>
      <c r="BM373" s="67"/>
      <c r="BN373" s="67"/>
      <c r="BO373" s="67"/>
      <c r="BP373" s="67"/>
      <c r="BQ373" s="67"/>
      <c r="BR373" s="67"/>
      <c r="BS373" s="67"/>
    </row>
    <row r="374" spans="5:75" ht="20.100000000000001" customHeight="1">
      <c r="V374" s="146"/>
      <c r="W374" s="146"/>
      <c r="X374" s="146"/>
      <c r="BL374" s="67"/>
      <c r="BM374" s="67"/>
      <c r="BN374" s="67"/>
      <c r="BO374" s="67"/>
      <c r="BP374" s="67"/>
      <c r="BQ374" s="67"/>
      <c r="BR374" s="67"/>
      <c r="BS374" s="67"/>
    </row>
    <row r="375" spans="5:75" ht="20.100000000000001" customHeight="1">
      <c r="BL375" s="67"/>
      <c r="BM375" s="67"/>
      <c r="BN375" s="67"/>
      <c r="BO375" s="67"/>
      <c r="BP375" s="67"/>
      <c r="BQ375" s="67"/>
      <c r="BR375" s="67"/>
      <c r="BS375" s="67"/>
      <c r="BT375" s="67"/>
      <c r="BU375" s="67"/>
      <c r="BV375" s="67"/>
      <c r="BW375" s="67"/>
    </row>
    <row r="376" spans="5:75" ht="20.100000000000001" customHeight="1">
      <c r="BL376" s="67"/>
      <c r="BM376" s="67"/>
      <c r="BN376" s="67"/>
      <c r="BO376" s="67"/>
      <c r="BP376" s="67"/>
      <c r="BQ376" s="67"/>
      <c r="BR376" s="67"/>
      <c r="BS376" s="67"/>
      <c r="BT376" s="67"/>
      <c r="BU376" s="67"/>
      <c r="BV376" s="67"/>
      <c r="BW376" s="67"/>
    </row>
    <row r="377" spans="5:75" ht="20.100000000000001" customHeight="1">
      <c r="BL377" s="67"/>
      <c r="BM377" s="67"/>
      <c r="BN377" s="67"/>
      <c r="BO377" s="67"/>
      <c r="BP377" s="67"/>
      <c r="BQ377" s="67"/>
      <c r="BR377" s="67"/>
      <c r="BS377" s="67"/>
      <c r="BT377" s="67"/>
      <c r="BU377" s="67"/>
      <c r="BV377" s="67"/>
      <c r="BW377" s="67"/>
    </row>
    <row r="378" spans="5:75" ht="20.100000000000001" customHeight="1"/>
    <row r="379" spans="5:75" ht="20.100000000000001" customHeight="1"/>
    <row r="380" spans="5:75" ht="20.100000000000001" customHeight="1"/>
    <row r="381" spans="5:75" ht="20.100000000000001" customHeight="1"/>
    <row r="382" spans="5:75" ht="20.100000000000001" customHeight="1"/>
    <row r="383" spans="5:75" ht="20.100000000000001" customHeight="1"/>
    <row r="384" spans="5:75" ht="20.100000000000001" customHeight="1"/>
    <row r="385" spans="5:76" ht="20.100000000000001" customHeight="1">
      <c r="BC385" s="146"/>
      <c r="BD385" s="146"/>
      <c r="BE385" s="146"/>
      <c r="BF385" s="146"/>
      <c r="BG385" s="146"/>
      <c r="BH385" s="146"/>
      <c r="BI385" s="146"/>
      <c r="BJ385" s="146"/>
      <c r="BK385" s="146"/>
      <c r="BL385" s="146"/>
      <c r="BM385" s="146"/>
      <c r="BN385" s="146"/>
      <c r="BO385" s="146"/>
      <c r="BP385" s="146"/>
      <c r="BQ385" s="146"/>
      <c r="BR385" s="146"/>
      <c r="BS385" s="146"/>
      <c r="BT385" s="146"/>
      <c r="BU385" s="146"/>
      <c r="BV385" s="146"/>
      <c r="BW385" s="146"/>
      <c r="BX385" s="146"/>
    </row>
    <row r="386" spans="5:76" ht="20.100000000000001" customHeight="1">
      <c r="G386" s="146"/>
    </row>
    <row r="387" spans="5:76" ht="20.100000000000001" customHeight="1">
      <c r="F387" s="110"/>
      <c r="G387" s="110"/>
      <c r="H387" s="110"/>
      <c r="I387" s="110"/>
      <c r="J387" s="110"/>
      <c r="K387" s="110"/>
      <c r="L387" s="110"/>
      <c r="M387" s="110"/>
      <c r="N387" s="110"/>
      <c r="O387" s="110"/>
      <c r="P387" s="110"/>
      <c r="Q387" s="110"/>
      <c r="S387" s="110"/>
      <c r="T387" s="110"/>
      <c r="U387" s="110"/>
      <c r="V387" s="110"/>
      <c r="W387" s="110"/>
      <c r="X387" s="110"/>
      <c r="Y387" s="110"/>
      <c r="Z387" s="110"/>
      <c r="AA387" s="110"/>
      <c r="AB387" s="110"/>
      <c r="AC387" s="110"/>
      <c r="AD387" s="110"/>
      <c r="AE387" s="110"/>
      <c r="AF387" s="110"/>
      <c r="AG387" s="110"/>
      <c r="AH387" s="110"/>
      <c r="AI387" s="110"/>
      <c r="AK387" s="110"/>
      <c r="AL387" s="110"/>
      <c r="AM387" s="110"/>
      <c r="AN387" s="110"/>
      <c r="AO387" s="110"/>
      <c r="AP387" s="110"/>
    </row>
    <row r="388" spans="5:76" ht="20.100000000000001" customHeight="1"/>
    <row r="389" spans="5:76" ht="20.100000000000001" customHeight="1">
      <c r="E389" s="146"/>
    </row>
    <row r="390" spans="5:76" ht="20.100000000000001" customHeight="1">
      <c r="F390" s="110"/>
      <c r="G390" s="110"/>
      <c r="H390" s="110"/>
      <c r="I390" s="110"/>
      <c r="J390" s="110"/>
      <c r="K390" s="110"/>
      <c r="L390" s="110"/>
      <c r="M390" s="110"/>
      <c r="N390" s="110"/>
      <c r="O390" s="110"/>
      <c r="P390" s="110"/>
      <c r="Q390" s="110"/>
      <c r="S390" s="110"/>
      <c r="T390" s="110"/>
      <c r="U390" s="110"/>
      <c r="V390" s="110"/>
      <c r="W390" s="110"/>
      <c r="X390" s="110"/>
      <c r="Y390" s="110"/>
      <c r="Z390" s="110"/>
      <c r="AA390" s="110"/>
      <c r="AB390" s="110"/>
      <c r="AC390" s="110"/>
      <c r="AD390" s="110"/>
      <c r="AE390" s="110"/>
      <c r="AF390" s="110"/>
      <c r="AG390" s="110"/>
      <c r="AH390" s="110"/>
      <c r="AI390" s="110"/>
      <c r="AK390" s="110"/>
      <c r="AL390" s="110"/>
      <c r="AM390" s="110"/>
      <c r="AN390" s="110"/>
      <c r="AO390" s="110"/>
      <c r="AP390" s="110"/>
    </row>
    <row r="391" spans="5:76" ht="20.100000000000001" customHeight="1">
      <c r="F391" s="110"/>
      <c r="G391" s="110"/>
      <c r="H391" s="110"/>
      <c r="I391" s="110"/>
      <c r="J391" s="110"/>
      <c r="K391" s="110"/>
      <c r="L391" s="110"/>
      <c r="M391" s="110"/>
      <c r="N391" s="110"/>
      <c r="O391" s="110"/>
      <c r="P391" s="110"/>
      <c r="Q391" s="110"/>
      <c r="S391" s="110"/>
      <c r="T391" s="110"/>
      <c r="U391" s="110"/>
      <c r="V391" s="110"/>
      <c r="W391" s="110"/>
      <c r="X391" s="110"/>
      <c r="Y391" s="110"/>
      <c r="Z391" s="110"/>
      <c r="AA391" s="110"/>
      <c r="AB391" s="110"/>
      <c r="AC391" s="110"/>
      <c r="AD391" s="110"/>
      <c r="AE391" s="110"/>
      <c r="AF391" s="110"/>
      <c r="AG391" s="110"/>
      <c r="AH391" s="110"/>
      <c r="AI391" s="110"/>
      <c r="AK391" s="110"/>
      <c r="AL391" s="110"/>
      <c r="AM391" s="110"/>
      <c r="AN391" s="110"/>
      <c r="AO391" s="110"/>
      <c r="AP391" s="110"/>
    </row>
    <row r="392" spans="5:76" ht="20.100000000000001" customHeight="1"/>
    <row r="393" spans="5:76" ht="20.100000000000001" customHeight="1">
      <c r="E393" s="146"/>
    </row>
    <row r="394" spans="5:76" ht="20.100000000000001" customHeight="1"/>
    <row r="395" spans="5:76" ht="20.100000000000001" customHeight="1"/>
    <row r="396" spans="5:76" ht="20.100000000000001" customHeight="1">
      <c r="AZ396" s="110"/>
    </row>
    <row r="397" spans="5:76" ht="20.100000000000001" customHeight="1">
      <c r="AZ397" s="110"/>
    </row>
    <row r="398" spans="5:76" ht="20.100000000000001" customHeight="1">
      <c r="AT398" s="162"/>
      <c r="AU398" s="162"/>
      <c r="AV398" s="162"/>
      <c r="AW398" s="162"/>
      <c r="AX398" s="162"/>
      <c r="AY398" s="162"/>
      <c r="BA398" s="162"/>
      <c r="BB398" s="162"/>
      <c r="BC398" s="162"/>
      <c r="BD398" s="162"/>
      <c r="BL398" s="15"/>
      <c r="BM398" s="15"/>
      <c r="BN398" s="15"/>
      <c r="BO398" s="15"/>
      <c r="BP398" s="15"/>
      <c r="BQ398" s="15"/>
      <c r="BR398" s="15"/>
      <c r="BS398" s="15"/>
      <c r="BT398" s="15"/>
      <c r="BU398" s="15"/>
      <c r="BV398" s="15"/>
      <c r="BW398" s="15"/>
    </row>
    <row r="399" spans="5:76" ht="20.100000000000001" customHeight="1"/>
    <row r="400" spans="5:76" ht="20.100000000000001" customHeight="1"/>
  </sheetData>
  <mergeCells count="1043">
    <mergeCell ref="AT109:BA109"/>
    <mergeCell ref="U105:AB105"/>
    <mergeCell ref="U103:AB103"/>
    <mergeCell ref="U104:AB104"/>
    <mergeCell ref="U106:AB106"/>
    <mergeCell ref="U107:AB107"/>
    <mergeCell ref="AR103:AU103"/>
    <mergeCell ref="AR104:AU104"/>
    <mergeCell ref="AR105:AU105"/>
    <mergeCell ref="AR106:AU106"/>
    <mergeCell ref="AR107:AU107"/>
    <mergeCell ref="AR108:AU108"/>
    <mergeCell ref="AL148:AN148"/>
    <mergeCell ref="AC95:AD95"/>
    <mergeCell ref="AE95:AH95"/>
    <mergeCell ref="AO95:AR95"/>
    <mergeCell ref="AS95:AT95"/>
    <mergeCell ref="E154:F157"/>
    <mergeCell ref="G154:M157"/>
    <mergeCell ref="G159:AJ159"/>
    <mergeCell ref="AK159:AN159"/>
    <mergeCell ref="AO159:AQ159"/>
    <mergeCell ref="AR159:AS159"/>
    <mergeCell ref="AT159:AV159"/>
    <mergeCell ref="AW159:AX159"/>
    <mergeCell ref="AY159:BA159"/>
    <mergeCell ref="BB159:BF159"/>
    <mergeCell ref="O156:V156"/>
    <mergeCell ref="O157:V157"/>
    <mergeCell ref="W154:BN154"/>
    <mergeCell ref="W152:BN152"/>
    <mergeCell ref="E159:F159"/>
    <mergeCell ref="W157:BN157"/>
    <mergeCell ref="F162:G162"/>
    <mergeCell ref="L162:N162"/>
    <mergeCell ref="H162:K162"/>
    <mergeCell ref="AH162:AI162"/>
    <mergeCell ref="AQ162:AS162"/>
    <mergeCell ref="AJ162:AP162"/>
    <mergeCell ref="AX162:AY162"/>
    <mergeCell ref="AZ162:BF162"/>
    <mergeCell ref="R162:S162"/>
    <mergeCell ref="AA162:AC162"/>
    <mergeCell ref="T162:Z162"/>
    <mergeCell ref="S161:Z161"/>
    <mergeCell ref="G161:K161"/>
    <mergeCell ref="AI161:AO161"/>
    <mergeCell ref="AY161:BE161"/>
    <mergeCell ref="AG144:AI144"/>
    <mergeCell ref="AL144:AN144"/>
    <mergeCell ref="AQ144:AS144"/>
    <mergeCell ref="AV144:AX144"/>
    <mergeCell ref="BA144:BC144"/>
    <mergeCell ref="BF144:BH144"/>
    <mergeCell ref="V143:Z143"/>
    <mergeCell ref="AQ148:AS148"/>
    <mergeCell ref="AV148:AX148"/>
    <mergeCell ref="BA148:BC148"/>
    <mergeCell ref="BF148:BH148"/>
    <mergeCell ref="BK148:BM148"/>
    <mergeCell ref="X151:AD151"/>
    <mergeCell ref="AE151:AF151"/>
    <mergeCell ref="AG151:AK151"/>
    <mergeCell ref="AL151:AM151"/>
    <mergeCell ref="AN151:AR151"/>
    <mergeCell ref="BH151:BI151"/>
    <mergeCell ref="AS151:BG151"/>
    <mergeCell ref="BH124:BI124"/>
    <mergeCell ref="BH126:BI126"/>
    <mergeCell ref="W138:Y138"/>
    <mergeCell ref="AB138:AD138"/>
    <mergeCell ref="AG138:AI138"/>
    <mergeCell ref="AL138:AN138"/>
    <mergeCell ref="AQ138:AS138"/>
    <mergeCell ref="AV138:AX138"/>
    <mergeCell ref="BA138:BC138"/>
    <mergeCell ref="BF138:BH138"/>
    <mergeCell ref="AD124:AE125"/>
    <mergeCell ref="AF124:AK125"/>
    <mergeCell ref="AL124:AM125"/>
    <mergeCell ref="AN124:AU125"/>
    <mergeCell ref="AF126:AK127"/>
    <mergeCell ref="AZ122:BG122"/>
    <mergeCell ref="BB123:BH123"/>
    <mergeCell ref="BF135:BH135"/>
    <mergeCell ref="AN122:AU123"/>
    <mergeCell ref="AK136:AO136"/>
    <mergeCell ref="AV122:AW123"/>
    <mergeCell ref="BB129:BH129"/>
    <mergeCell ref="AU137:AY137"/>
    <mergeCell ref="AK137:AO137"/>
    <mergeCell ref="BH133:BN133"/>
    <mergeCell ref="AV135:AX135"/>
    <mergeCell ref="BA135:BC135"/>
    <mergeCell ref="E103:F108"/>
    <mergeCell ref="G103:R108"/>
    <mergeCell ref="E109:F110"/>
    <mergeCell ref="G109:R110"/>
    <mergeCell ref="G71:R72"/>
    <mergeCell ref="G75:R76"/>
    <mergeCell ref="AX120:AY120"/>
    <mergeCell ref="AX122:AY122"/>
    <mergeCell ref="AX124:AY124"/>
    <mergeCell ref="U109:X109"/>
    <mergeCell ref="AA109:AD109"/>
    <mergeCell ref="AG109:AJ109"/>
    <mergeCell ref="AM109:AQ109"/>
    <mergeCell ref="U110:X110"/>
    <mergeCell ref="AA110:AE110"/>
    <mergeCell ref="AT110:AU110"/>
    <mergeCell ref="AX110:BB110"/>
    <mergeCell ref="AF110:AS110"/>
    <mergeCell ref="U80:X80"/>
    <mergeCell ref="AA80:AE80"/>
    <mergeCell ref="AH80:AR80"/>
    <mergeCell ref="AU80:AX80"/>
    <mergeCell ref="BA80:BD80"/>
    <mergeCell ref="U81:Z81"/>
    <mergeCell ref="V91:Y91"/>
    <mergeCell ref="AB91:AL91"/>
    <mergeCell ref="AO91:AS91"/>
    <mergeCell ref="V92:Y92"/>
    <mergeCell ref="AB90:AD90"/>
    <mergeCell ref="U84:Z84"/>
    <mergeCell ref="U85:Z85"/>
    <mergeCell ref="AM95:AN95"/>
    <mergeCell ref="AK103:AM103"/>
    <mergeCell ref="AK104:AM104"/>
    <mergeCell ref="AK105:AM105"/>
    <mergeCell ref="AW97:BJ97"/>
    <mergeCell ref="AI99:AJ99"/>
    <mergeCell ref="AL99:AM99"/>
    <mergeCell ref="AN99:AO99"/>
    <mergeCell ref="AP99:AQ99"/>
    <mergeCell ref="AX103:AZ103"/>
    <mergeCell ref="AX104:AZ104"/>
    <mergeCell ref="AX105:AZ105"/>
    <mergeCell ref="AX106:AZ106"/>
    <mergeCell ref="AX107:AZ107"/>
    <mergeCell ref="AX108:AZ108"/>
    <mergeCell ref="AG108:AJ108"/>
    <mergeCell ref="AW98:BJ98"/>
    <mergeCell ref="AS99:AT99"/>
    <mergeCell ref="AW99:BJ99"/>
    <mergeCell ref="BC103:BJ105"/>
    <mergeCell ref="BC106:BJ108"/>
    <mergeCell ref="AO67:AV68"/>
    <mergeCell ref="AD84:AI84"/>
    <mergeCell ref="AD85:AI85"/>
    <mergeCell ref="AM84:AR84"/>
    <mergeCell ref="AM85:AR85"/>
    <mergeCell ref="AV84:BA84"/>
    <mergeCell ref="AV85:BA85"/>
    <mergeCell ref="AV75:AX76"/>
    <mergeCell ref="AY75:BJ76"/>
    <mergeCell ref="E78:F79"/>
    <mergeCell ref="G78:R79"/>
    <mergeCell ref="AJ78:AL78"/>
    <mergeCell ref="AI95:AL95"/>
    <mergeCell ref="U96:X96"/>
    <mergeCell ref="AA96:AF96"/>
    <mergeCell ref="AI96:AL96"/>
    <mergeCell ref="AO96:AR96"/>
    <mergeCell ref="AU96:BC96"/>
    <mergeCell ref="U95:W95"/>
    <mergeCell ref="X95:Y95"/>
    <mergeCell ref="Z95:AB95"/>
    <mergeCell ref="AG92:AR92"/>
    <mergeCell ref="AB92:AF92"/>
    <mergeCell ref="AS92:AT92"/>
    <mergeCell ref="U93:Y93"/>
    <mergeCell ref="AB93:AF93"/>
    <mergeCell ref="AI93:AN93"/>
    <mergeCell ref="AQ93:AV93"/>
    <mergeCell ref="AY93:BC93"/>
    <mergeCell ref="BF96:BI96"/>
    <mergeCell ref="E70:F70"/>
    <mergeCell ref="E75:F76"/>
    <mergeCell ref="BD93:BH93"/>
    <mergeCell ref="BI93:BJ93"/>
    <mergeCell ref="X90:AA90"/>
    <mergeCell ref="U90:W90"/>
    <mergeCell ref="BH91:BJ92"/>
    <mergeCell ref="U94:Y94"/>
    <mergeCell ref="AG94:AI94"/>
    <mergeCell ref="AJ94:AK94"/>
    <mergeCell ref="AL94:AU94"/>
    <mergeCell ref="AV94:AZ94"/>
    <mergeCell ref="Z94:AF94"/>
    <mergeCell ref="D75:D76"/>
    <mergeCell ref="T75:U75"/>
    <mergeCell ref="V75:AU75"/>
    <mergeCell ref="T76:AU76"/>
    <mergeCell ref="U77:W77"/>
    <mergeCell ref="AA77:AB77"/>
    <mergeCell ref="AF77:AG77"/>
    <mergeCell ref="AK77:AL77"/>
    <mergeCell ref="E77:F77"/>
    <mergeCell ref="G77:R77"/>
    <mergeCell ref="K82:S83"/>
    <mergeCell ref="T82:AB83"/>
    <mergeCell ref="AC82:AK82"/>
    <mergeCell ref="AC83:AK83"/>
    <mergeCell ref="AA141:AE141"/>
    <mergeCell ref="V136:Z136"/>
    <mergeCell ref="V137:Z137"/>
    <mergeCell ref="V139:Z139"/>
    <mergeCell ref="V141:Z141"/>
    <mergeCell ref="AA139:AE139"/>
    <mergeCell ref="W140:Y140"/>
    <mergeCell ref="AB140:AD140"/>
    <mergeCell ref="AW91:AZ92"/>
    <mergeCell ref="BA91:BD92"/>
    <mergeCell ref="BE91:BG92"/>
    <mergeCell ref="D136:U136"/>
    <mergeCell ref="I137:U138"/>
    <mergeCell ref="I139:U140"/>
    <mergeCell ref="I141:U142"/>
    <mergeCell ref="BE136:BI136"/>
    <mergeCell ref="BE137:BI137"/>
    <mergeCell ref="U108:W108"/>
    <mergeCell ref="AC108:AD108"/>
    <mergeCell ref="X108:AB108"/>
    <mergeCell ref="AE103:AJ103"/>
    <mergeCell ref="AE104:AF104"/>
    <mergeCell ref="AE105:AF105"/>
    <mergeCell ref="AE106:AF106"/>
    <mergeCell ref="AE108:AF108"/>
    <mergeCell ref="AG104:AJ104"/>
    <mergeCell ref="K132:P132"/>
    <mergeCell ref="BK144:BM144"/>
    <mergeCell ref="BJ139:BN139"/>
    <mergeCell ref="BJ141:BN141"/>
    <mergeCell ref="AP136:AT136"/>
    <mergeCell ref="AP137:AT137"/>
    <mergeCell ref="AP139:AT139"/>
    <mergeCell ref="AP141:AT141"/>
    <mergeCell ref="AU139:AY139"/>
    <mergeCell ref="AZ136:BD136"/>
    <mergeCell ref="AZ137:BD137"/>
    <mergeCell ref="BE139:BI139"/>
    <mergeCell ref="BE141:BI141"/>
    <mergeCell ref="AU141:AY141"/>
    <mergeCell ref="AZ141:BD141"/>
    <mergeCell ref="BK138:BM138"/>
    <mergeCell ref="AU136:AY136"/>
    <mergeCell ref="BJ136:BN136"/>
    <mergeCell ref="BJ137:BN137"/>
    <mergeCell ref="AG140:AI140"/>
    <mergeCell ref="AL140:AN140"/>
    <mergeCell ref="AQ140:AS140"/>
    <mergeCell ref="AV140:AX140"/>
    <mergeCell ref="BA140:BC140"/>
    <mergeCell ref="BF140:BH140"/>
    <mergeCell ref="BK140:BM140"/>
    <mergeCell ref="W142:Y142"/>
    <mergeCell ref="W144:Y144"/>
    <mergeCell ref="AB142:AD142"/>
    <mergeCell ref="AG142:AI142"/>
    <mergeCell ref="AL142:AN142"/>
    <mergeCell ref="AQ142:AS142"/>
    <mergeCell ref="V71:AU71"/>
    <mergeCell ref="BE90:BJ90"/>
    <mergeCell ref="AU86:BC86"/>
    <mergeCell ref="AS98:AT98"/>
    <mergeCell ref="H98:S98"/>
    <mergeCell ref="U98:V98"/>
    <mergeCell ref="X98:Y98"/>
    <mergeCell ref="AL146:AN146"/>
    <mergeCell ref="BE143:BI143"/>
    <mergeCell ref="AZ143:BD143"/>
    <mergeCell ref="AQ146:AS146"/>
    <mergeCell ref="AV146:AX146"/>
    <mergeCell ref="BA146:BC146"/>
    <mergeCell ref="BF146:BH146"/>
    <mergeCell ref="BK146:BM146"/>
    <mergeCell ref="AB148:AD148"/>
    <mergeCell ref="AG148:AI148"/>
    <mergeCell ref="I143:U144"/>
    <mergeCell ref="H126:M127"/>
    <mergeCell ref="H128:M129"/>
    <mergeCell ref="AF136:AJ136"/>
    <mergeCell ref="AF137:AJ137"/>
    <mergeCell ref="AF139:AJ139"/>
    <mergeCell ref="AF141:AJ141"/>
    <mergeCell ref="D132:J132"/>
    <mergeCell ref="E133:F133"/>
    <mergeCell ref="AA136:AE136"/>
    <mergeCell ref="AA137:AE137"/>
    <mergeCell ref="D137:H138"/>
    <mergeCell ref="D139:H140"/>
    <mergeCell ref="D141:H142"/>
    <mergeCell ref="E135:F135"/>
    <mergeCell ref="AL98:AM98"/>
    <mergeCell ref="AN98:AO98"/>
    <mergeCell ref="AP98:AQ98"/>
    <mergeCell ref="H96:S96"/>
    <mergeCell ref="X77:Z77"/>
    <mergeCell ref="AC77:AE77"/>
    <mergeCell ref="AH77:AJ77"/>
    <mergeCell ref="AG79:AP79"/>
    <mergeCell ref="T97:AG97"/>
    <mergeCell ref="AH97:AV97"/>
    <mergeCell ref="U78:V79"/>
    <mergeCell ref="W78:AF78"/>
    <mergeCell ref="AM78:AV78"/>
    <mergeCell ref="H93:S93"/>
    <mergeCell ref="AL83:AT83"/>
    <mergeCell ref="AU83:BC83"/>
    <mergeCell ref="M84:S84"/>
    <mergeCell ref="M85:S85"/>
    <mergeCell ref="K86:S86"/>
    <mergeCell ref="T86:AB86"/>
    <mergeCell ref="AC86:AK86"/>
    <mergeCell ref="AL86:AT86"/>
    <mergeCell ref="AG78:AI78"/>
    <mergeCell ref="AQ79:AT79"/>
    <mergeCell ref="BA78:BJ79"/>
    <mergeCell ref="AU79:AX79"/>
    <mergeCell ref="AR62:AT62"/>
    <mergeCell ref="AW62:AY62"/>
    <mergeCell ref="BB62:BD62"/>
    <mergeCell ref="E63:F63"/>
    <mergeCell ref="G63:R63"/>
    <mergeCell ref="T63:BJ63"/>
    <mergeCell ref="AY67:BB67"/>
    <mergeCell ref="AY68:BB68"/>
    <mergeCell ref="T65:AU65"/>
    <mergeCell ref="AY65:BJ65"/>
    <mergeCell ref="T66:AB66"/>
    <mergeCell ref="AC66:BJ66"/>
    <mergeCell ref="BI67:BJ67"/>
    <mergeCell ref="BI68:BJ68"/>
    <mergeCell ref="BC67:BH67"/>
    <mergeCell ref="BC68:BH68"/>
    <mergeCell ref="E69:F69"/>
    <mergeCell ref="G69:R69"/>
    <mergeCell ref="AV64:AX64"/>
    <mergeCell ref="Z69:AD69"/>
    <mergeCell ref="AG69:AM69"/>
    <mergeCell ref="AP69:AT69"/>
    <mergeCell ref="AW69:BB69"/>
    <mergeCell ref="AY64:BJ64"/>
    <mergeCell ref="T64:U64"/>
    <mergeCell ref="V64:AU64"/>
    <mergeCell ref="U69:W69"/>
    <mergeCell ref="E64:F68"/>
    <mergeCell ref="G64:R68"/>
    <mergeCell ref="T67:Z68"/>
    <mergeCell ref="AA67:AL68"/>
    <mergeCell ref="AM67:AN68"/>
    <mergeCell ref="Z98:AA98"/>
    <mergeCell ref="AB98:AC98"/>
    <mergeCell ref="AE98:AF98"/>
    <mergeCell ref="AW67:AX68"/>
    <mergeCell ref="G70:R70"/>
    <mergeCell ref="AV65:AX65"/>
    <mergeCell ref="BE69:BI69"/>
    <mergeCell ref="AV73:BJ73"/>
    <mergeCell ref="E74:F74"/>
    <mergeCell ref="G74:R74"/>
    <mergeCell ref="T74:Y74"/>
    <mergeCell ref="Z74:AO74"/>
    <mergeCell ref="AP74:AU74"/>
    <mergeCell ref="AV74:BJ74"/>
    <mergeCell ref="E73:F73"/>
    <mergeCell ref="G73:R73"/>
    <mergeCell ref="T73:Y73"/>
    <mergeCell ref="Z73:AO73"/>
    <mergeCell ref="AP73:AU73"/>
    <mergeCell ref="E71:F72"/>
    <mergeCell ref="T72:AU72"/>
    <mergeCell ref="AV71:AX72"/>
    <mergeCell ref="AY71:BJ72"/>
    <mergeCell ref="T71:U71"/>
    <mergeCell ref="E97:F97"/>
    <mergeCell ref="G97:R97"/>
    <mergeCell ref="M87:S87"/>
    <mergeCell ref="U87:Z87"/>
    <mergeCell ref="AD87:AI87"/>
    <mergeCell ref="T70:BJ70"/>
    <mergeCell ref="H91:S92"/>
    <mergeCell ref="AI98:AJ98"/>
    <mergeCell ref="H99:S99"/>
    <mergeCell ref="U99:V99"/>
    <mergeCell ref="X99:Y99"/>
    <mergeCell ref="Z99:AA99"/>
    <mergeCell ref="AB99:AC99"/>
    <mergeCell ref="AE99:AF99"/>
    <mergeCell ref="AI100:AJ100"/>
    <mergeCell ref="AL100:AM100"/>
    <mergeCell ref="AN100:AO100"/>
    <mergeCell ref="AP100:AQ100"/>
    <mergeCell ref="AS100:AT100"/>
    <mergeCell ref="AW100:BJ100"/>
    <mergeCell ref="H100:S100"/>
    <mergeCell ref="U100:V100"/>
    <mergeCell ref="X100:Y100"/>
    <mergeCell ref="Z100:AA100"/>
    <mergeCell ref="AB100:AC100"/>
    <mergeCell ref="AE100:AF100"/>
    <mergeCell ref="AX112:BJ113"/>
    <mergeCell ref="N113:V113"/>
    <mergeCell ref="W113:AE113"/>
    <mergeCell ref="AF113:AM113"/>
    <mergeCell ref="H112:M113"/>
    <mergeCell ref="N112:V112"/>
    <mergeCell ref="W112:AE112"/>
    <mergeCell ref="AF112:AM112"/>
    <mergeCell ref="AP112:AU112"/>
    <mergeCell ref="AK106:AM106"/>
    <mergeCell ref="AK107:AM107"/>
    <mergeCell ref="AK108:AM108"/>
    <mergeCell ref="AG105:AJ105"/>
    <mergeCell ref="AG106:AJ106"/>
    <mergeCell ref="AG107:AJ107"/>
    <mergeCell ref="AP103:AQ103"/>
    <mergeCell ref="AP104:AQ104"/>
    <mergeCell ref="AP105:AQ105"/>
    <mergeCell ref="AP106:AQ106"/>
    <mergeCell ref="AP107:AQ107"/>
    <mergeCell ref="AP108:AQ108"/>
    <mergeCell ref="AV103:AW103"/>
    <mergeCell ref="AV104:AW104"/>
    <mergeCell ref="AV105:AW105"/>
    <mergeCell ref="AV106:AW106"/>
    <mergeCell ref="AV107:AW107"/>
    <mergeCell ref="AV108:AW108"/>
    <mergeCell ref="AN112:AO112"/>
    <mergeCell ref="AV112:AW112"/>
    <mergeCell ref="AQ113:AS113"/>
    <mergeCell ref="AT113:AU113"/>
    <mergeCell ref="AE107:AF107"/>
    <mergeCell ref="W120:AC121"/>
    <mergeCell ref="N122:T123"/>
    <mergeCell ref="W122:AC123"/>
    <mergeCell ref="U122:V123"/>
    <mergeCell ref="H120:M121"/>
    <mergeCell ref="AF118:AK119"/>
    <mergeCell ref="AL118:AM119"/>
    <mergeCell ref="AN118:AU119"/>
    <mergeCell ref="AV118:AW119"/>
    <mergeCell ref="BB119:BH119"/>
    <mergeCell ref="N114:T115"/>
    <mergeCell ref="U114:V115"/>
    <mergeCell ref="W114:AC115"/>
    <mergeCell ref="AD114:AE115"/>
    <mergeCell ref="AF114:AK115"/>
    <mergeCell ref="AL114:AM115"/>
    <mergeCell ref="AN114:AU115"/>
    <mergeCell ref="AV114:AW115"/>
    <mergeCell ref="BB115:BH115"/>
    <mergeCell ref="H114:M115"/>
    <mergeCell ref="H116:M117"/>
    <mergeCell ref="H118:M119"/>
    <mergeCell ref="AD118:AE119"/>
    <mergeCell ref="AV120:AW121"/>
    <mergeCell ref="AZ120:BG120"/>
    <mergeCell ref="BB121:BH121"/>
    <mergeCell ref="BH120:BI120"/>
    <mergeCell ref="BH122:BI122"/>
    <mergeCell ref="H122:M123"/>
    <mergeCell ref="H124:M125"/>
    <mergeCell ref="AL120:AM121"/>
    <mergeCell ref="D114:G114"/>
    <mergeCell ref="D116:G129"/>
    <mergeCell ref="AV116:AW117"/>
    <mergeCell ref="BB117:BH117"/>
    <mergeCell ref="N116:T117"/>
    <mergeCell ref="U116:V117"/>
    <mergeCell ref="W116:AC117"/>
    <mergeCell ref="AD116:AE117"/>
    <mergeCell ref="AF116:AK117"/>
    <mergeCell ref="AL116:AM117"/>
    <mergeCell ref="AN116:AU117"/>
    <mergeCell ref="AV124:AW125"/>
    <mergeCell ref="AZ124:BG124"/>
    <mergeCell ref="BB125:BH125"/>
    <mergeCell ref="AD120:AE121"/>
    <mergeCell ref="AF120:AK121"/>
    <mergeCell ref="AN120:AU121"/>
    <mergeCell ref="AD122:AE123"/>
    <mergeCell ref="AF122:AK123"/>
    <mergeCell ref="AL122:AM123"/>
    <mergeCell ref="AN126:AU127"/>
    <mergeCell ref="N124:T125"/>
    <mergeCell ref="U124:V125"/>
    <mergeCell ref="W124:AC125"/>
    <mergeCell ref="N118:T119"/>
    <mergeCell ref="U118:V119"/>
    <mergeCell ref="W118:AC119"/>
    <mergeCell ref="N120:T121"/>
    <mergeCell ref="U120:V121"/>
    <mergeCell ref="N128:T129"/>
    <mergeCell ref="U128:V129"/>
    <mergeCell ref="W128:AC129"/>
    <mergeCell ref="AD128:AE129"/>
    <mergeCell ref="AU133:BA133"/>
    <mergeCell ref="AZ126:BG126"/>
    <mergeCell ref="BB127:BH127"/>
    <mergeCell ref="N126:T127"/>
    <mergeCell ref="U126:V127"/>
    <mergeCell ref="W126:AC127"/>
    <mergeCell ref="AD126:AE127"/>
    <mergeCell ref="AL126:AM127"/>
    <mergeCell ref="AC132:AH132"/>
    <mergeCell ref="W133:AB133"/>
    <mergeCell ref="AC133:AH133"/>
    <mergeCell ref="AI132:AN132"/>
    <mergeCell ref="AO132:AT132"/>
    <mergeCell ref="BB132:BG132"/>
    <mergeCell ref="AI133:AN133"/>
    <mergeCell ref="AO133:AT133"/>
    <mergeCell ref="BB133:BG133"/>
    <mergeCell ref="AU132:BA132"/>
    <mergeCell ref="W132:AB132"/>
    <mergeCell ref="AV126:AW127"/>
    <mergeCell ref="K133:P133"/>
    <mergeCell ref="Q132:V132"/>
    <mergeCell ref="Q133:V133"/>
    <mergeCell ref="AX126:AY126"/>
    <mergeCell ref="BH132:BN132"/>
    <mergeCell ref="AF128:AK129"/>
    <mergeCell ref="AL128:AM129"/>
    <mergeCell ref="AN128:AU129"/>
    <mergeCell ref="AV128:AW129"/>
    <mergeCell ref="E342:BN342"/>
    <mergeCell ref="A333:D333"/>
    <mergeCell ref="A334:D334"/>
    <mergeCell ref="E315:F315"/>
    <mergeCell ref="BC315:BF315"/>
    <mergeCell ref="BC316:BF316"/>
    <mergeCell ref="BC317:BF317"/>
    <mergeCell ref="AQ319:AY319"/>
    <mergeCell ref="A335:D335"/>
    <mergeCell ref="BC319:BF319"/>
    <mergeCell ref="T326:BN326"/>
    <mergeCell ref="E337:BN337"/>
    <mergeCell ref="A338:D338"/>
    <mergeCell ref="E341:BN341"/>
    <mergeCell ref="A337:D337"/>
    <mergeCell ref="H264:L267"/>
    <mergeCell ref="BG264:BJ267"/>
    <mergeCell ref="M287:BF287"/>
    <mergeCell ref="BG287:BJ287"/>
    <mergeCell ref="D288:G291"/>
    <mergeCell ref="H288:L291"/>
    <mergeCell ref="BG288:BJ291"/>
    <mergeCell ref="D264:G267"/>
    <mergeCell ref="BL320:BN322"/>
    <mergeCell ref="E339:BN339"/>
    <mergeCell ref="E340:BN340"/>
    <mergeCell ref="A342:D342"/>
    <mergeCell ref="E326:F326"/>
    <mergeCell ref="G326:S326"/>
    <mergeCell ref="A332:D332"/>
    <mergeCell ref="E332:BN332"/>
    <mergeCell ref="A330:BO330"/>
    <mergeCell ref="BG296:BJ299"/>
    <mergeCell ref="F311:BJ312"/>
    <mergeCell ref="D300:G303"/>
    <mergeCell ref="H300:L303"/>
    <mergeCell ref="BG300:BJ303"/>
    <mergeCell ref="D304:G307"/>
    <mergeCell ref="H304:L307"/>
    <mergeCell ref="BG304:BJ307"/>
    <mergeCell ref="D259:G259"/>
    <mergeCell ref="H259:L259"/>
    <mergeCell ref="M259:BF259"/>
    <mergeCell ref="BG259:BJ259"/>
    <mergeCell ref="D260:G260"/>
    <mergeCell ref="H260:L263"/>
    <mergeCell ref="D261:G263"/>
    <mergeCell ref="D292:G295"/>
    <mergeCell ref="BG308:BJ309"/>
    <mergeCell ref="H292:L295"/>
    <mergeCell ref="BG292:BJ295"/>
    <mergeCell ref="D296:G299"/>
    <mergeCell ref="G310:L310"/>
    <mergeCell ref="AM310:AR310"/>
    <mergeCell ref="G282:L282"/>
    <mergeCell ref="D272:G275"/>
    <mergeCell ref="H272:L275"/>
    <mergeCell ref="BG272:BJ275"/>
    <mergeCell ref="D196:G199"/>
    <mergeCell ref="D145:H146"/>
    <mergeCell ref="O154:V154"/>
    <mergeCell ref="A368:D368"/>
    <mergeCell ref="A357:D357"/>
    <mergeCell ref="A359:D359"/>
    <mergeCell ref="A360:D360"/>
    <mergeCell ref="A366:D366"/>
    <mergeCell ref="E368:BN368"/>
    <mergeCell ref="A344:D344"/>
    <mergeCell ref="G350:BJ350"/>
    <mergeCell ref="A356:D356"/>
    <mergeCell ref="E344:BN344"/>
    <mergeCell ref="G346:BN346"/>
    <mergeCell ref="G348:BN348"/>
    <mergeCell ref="E356:BN356"/>
    <mergeCell ref="E357:BN357"/>
    <mergeCell ref="A367:D367"/>
    <mergeCell ref="E367:BN367"/>
    <mergeCell ref="E366:BN366"/>
    <mergeCell ref="A365:D365"/>
    <mergeCell ref="E365:BN365"/>
    <mergeCell ref="A362:D362"/>
    <mergeCell ref="E362:BN362"/>
    <mergeCell ref="A363:D363"/>
    <mergeCell ref="E363:BN363"/>
    <mergeCell ref="E359:BN359"/>
    <mergeCell ref="Q250:T250"/>
    <mergeCell ref="Y250:AB250"/>
    <mergeCell ref="F283:BJ284"/>
    <mergeCell ref="E257:F257"/>
    <mergeCell ref="D276:G279"/>
    <mergeCell ref="D184:G187"/>
    <mergeCell ref="D151:G153"/>
    <mergeCell ref="H151:N151"/>
    <mergeCell ref="O151:V151"/>
    <mergeCell ref="H152:N152"/>
    <mergeCell ref="O152:V152"/>
    <mergeCell ref="AK141:AO141"/>
    <mergeCell ref="AK143:AO143"/>
    <mergeCell ref="AU143:AY143"/>
    <mergeCell ref="AU145:AY145"/>
    <mergeCell ref="AP143:AT143"/>
    <mergeCell ref="AE160:AT160"/>
    <mergeCell ref="AU160:BJ160"/>
    <mergeCell ref="H153:N153"/>
    <mergeCell ref="W153:BN153"/>
    <mergeCell ref="O153:V153"/>
    <mergeCell ref="AU147:AY147"/>
    <mergeCell ref="AP147:AT147"/>
    <mergeCell ref="W156:BN156"/>
    <mergeCell ref="AK147:AO147"/>
    <mergeCell ref="AA147:AE147"/>
    <mergeCell ref="V145:Z145"/>
    <mergeCell ref="V147:Z147"/>
    <mergeCell ref="AF147:AJ147"/>
    <mergeCell ref="BJ145:BN145"/>
    <mergeCell ref="BJ147:BN147"/>
    <mergeCell ref="O155:V155"/>
    <mergeCell ref="AV142:AX142"/>
    <mergeCell ref="BA142:BC142"/>
    <mergeCell ref="BF142:BH142"/>
    <mergeCell ref="BK142:BM142"/>
    <mergeCell ref="AB144:AD144"/>
    <mergeCell ref="BG188:BJ191"/>
    <mergeCell ref="D192:G195"/>
    <mergeCell ref="H192:L195"/>
    <mergeCell ref="BG192:BJ195"/>
    <mergeCell ref="BG180:BJ183"/>
    <mergeCell ref="D179:G179"/>
    <mergeCell ref="M179:BF179"/>
    <mergeCell ref="BG179:BJ179"/>
    <mergeCell ref="AZ145:BD145"/>
    <mergeCell ref="AZ147:BD147"/>
    <mergeCell ref="BJ143:BN143"/>
    <mergeCell ref="G202:L202"/>
    <mergeCell ref="AM202:AR202"/>
    <mergeCell ref="BG200:BJ201"/>
    <mergeCell ref="AW200:BF201"/>
    <mergeCell ref="D188:G191"/>
    <mergeCell ref="AP145:AT145"/>
    <mergeCell ref="D149:BN149"/>
    <mergeCell ref="D147:U148"/>
    <mergeCell ref="I145:U146"/>
    <mergeCell ref="W146:Y146"/>
    <mergeCell ref="W148:Y148"/>
    <mergeCell ref="AA143:AE143"/>
    <mergeCell ref="AA145:AE145"/>
    <mergeCell ref="AF143:AJ143"/>
    <mergeCell ref="AK145:AO145"/>
    <mergeCell ref="AF145:AJ145"/>
    <mergeCell ref="AB146:AD146"/>
    <mergeCell ref="AG146:AI146"/>
    <mergeCell ref="BG196:BJ199"/>
    <mergeCell ref="H184:L187"/>
    <mergeCell ref="BG184:BJ187"/>
    <mergeCell ref="AW308:BF309"/>
    <mergeCell ref="F164:I164"/>
    <mergeCell ref="H209:L212"/>
    <mergeCell ref="H179:L179"/>
    <mergeCell ref="H180:L183"/>
    <mergeCell ref="D180:G180"/>
    <mergeCell ref="D181:G183"/>
    <mergeCell ref="AG167:AJ167"/>
    <mergeCell ref="AO167:AR167"/>
    <mergeCell ref="F168:N169"/>
    <mergeCell ref="AG168:AJ168"/>
    <mergeCell ref="AO168:AR168"/>
    <mergeCell ref="D209:G212"/>
    <mergeCell ref="E238:F238"/>
    <mergeCell ref="F174:BJ175"/>
    <mergeCell ref="D213:G216"/>
    <mergeCell ref="F232:BJ233"/>
    <mergeCell ref="AK245:AL245"/>
    <mergeCell ref="AM245:AO245"/>
    <mergeCell ref="AQ245:AR245"/>
    <mergeCell ref="AS245:AT245"/>
    <mergeCell ref="BA243:BB243"/>
    <mergeCell ref="BC243:BE243"/>
    <mergeCell ref="BG243:BH243"/>
    <mergeCell ref="BI243:BJ243"/>
    <mergeCell ref="AG246:AJ246"/>
    <mergeCell ref="D225:G228"/>
    <mergeCell ref="D287:G287"/>
    <mergeCell ref="H287:L287"/>
    <mergeCell ref="BG213:BJ216"/>
    <mergeCell ref="E177:F177"/>
    <mergeCell ref="H188:L191"/>
    <mergeCell ref="E236:F236"/>
    <mergeCell ref="G236:Y236"/>
    <mergeCell ref="AJ236:AL236"/>
    <mergeCell ref="AZ236:BB236"/>
    <mergeCell ref="BG209:BJ212"/>
    <mergeCell ref="D217:G220"/>
    <mergeCell ref="AW229:BF230"/>
    <mergeCell ref="D221:G224"/>
    <mergeCell ref="H221:L224"/>
    <mergeCell ref="BG221:BJ224"/>
    <mergeCell ref="BG162:BI162"/>
    <mergeCell ref="H276:L279"/>
    <mergeCell ref="BG276:BJ279"/>
    <mergeCell ref="AW280:BF281"/>
    <mergeCell ref="BG280:BJ281"/>
    <mergeCell ref="BG260:BJ263"/>
    <mergeCell ref="F253:BJ254"/>
    <mergeCell ref="W168:Y168"/>
    <mergeCell ref="W169:Y169"/>
    <mergeCell ref="AA169:AB169"/>
    <mergeCell ref="AC169:AD169"/>
    <mergeCell ref="W170:Y170"/>
    <mergeCell ref="AA170:AB170"/>
    <mergeCell ref="AC170:AD170"/>
    <mergeCell ref="O165:Q165"/>
    <mergeCell ref="D161:E173"/>
    <mergeCell ref="J164:N164"/>
    <mergeCell ref="D268:G271"/>
    <mergeCell ref="H268:L271"/>
    <mergeCell ref="BG268:BJ271"/>
    <mergeCell ref="BG229:BJ230"/>
    <mergeCell ref="G231:L231"/>
    <mergeCell ref="BE145:BI145"/>
    <mergeCell ref="BE147:BI147"/>
    <mergeCell ref="AZ139:BD139"/>
    <mergeCell ref="D160:N160"/>
    <mergeCell ref="O160:AD160"/>
    <mergeCell ref="H94:S94"/>
    <mergeCell ref="H95:S95"/>
    <mergeCell ref="A355:D355"/>
    <mergeCell ref="A358:D358"/>
    <mergeCell ref="E358:BN358"/>
    <mergeCell ref="A340:D340"/>
    <mergeCell ref="D240:E252"/>
    <mergeCell ref="G240:K240"/>
    <mergeCell ref="T240:Z240"/>
    <mergeCell ref="AI240:AO240"/>
    <mergeCell ref="AY240:BE240"/>
    <mergeCell ref="H241:J241"/>
    <mergeCell ref="U241:Y241"/>
    <mergeCell ref="AJ241:AN241"/>
    <mergeCell ref="AZ241:BD241"/>
    <mergeCell ref="E335:BN335"/>
    <mergeCell ref="AM321:AY321"/>
    <mergeCell ref="G320:S322"/>
    <mergeCell ref="E320:F322"/>
    <mergeCell ref="AO246:AR246"/>
    <mergeCell ref="AG320:AH320"/>
    <mergeCell ref="AG322:AH322"/>
    <mergeCell ref="AG321:AH321"/>
    <mergeCell ref="AK320:AL320"/>
    <mergeCell ref="M208:BF208"/>
    <mergeCell ref="E235:F235"/>
    <mergeCell ref="G235:Y235"/>
    <mergeCell ref="J243:N243"/>
    <mergeCell ref="A339:D339"/>
    <mergeCell ref="AM87:AR87"/>
    <mergeCell ref="M88:S88"/>
    <mergeCell ref="U88:Z88"/>
    <mergeCell ref="AD88:AI88"/>
    <mergeCell ref="AM88:AR88"/>
    <mergeCell ref="AV88:BA88"/>
    <mergeCell ref="AG89:AI89"/>
    <mergeCell ref="AP89:AR89"/>
    <mergeCell ref="H296:L299"/>
    <mergeCell ref="AI322:AJ322"/>
    <mergeCell ref="AE322:AF322"/>
    <mergeCell ref="AI321:AJ321"/>
    <mergeCell ref="AE321:AF321"/>
    <mergeCell ref="AI320:AJ320"/>
    <mergeCell ref="AE320:AF320"/>
    <mergeCell ref="AM320:AY320"/>
    <mergeCell ref="O171:P171"/>
    <mergeCell ref="U171:V171"/>
    <mergeCell ref="W171:X171"/>
    <mergeCell ref="AC171:AD171"/>
    <mergeCell ref="W165:Y165"/>
    <mergeCell ref="AA165:AB165"/>
    <mergeCell ref="AC165:AD165"/>
    <mergeCell ref="W166:Y166"/>
    <mergeCell ref="AA166:AB166"/>
    <mergeCell ref="AC166:AD166"/>
    <mergeCell ref="W167:Z167"/>
    <mergeCell ref="AA167:AB167"/>
    <mergeCell ref="AC167:AD167"/>
    <mergeCell ref="AK139:AO139"/>
    <mergeCell ref="F327:BN327"/>
    <mergeCell ref="Q171:T171"/>
    <mergeCell ref="Y171:AB171"/>
    <mergeCell ref="D239:N239"/>
    <mergeCell ref="O239:AD239"/>
    <mergeCell ref="AE239:AT239"/>
    <mergeCell ref="AU239:BJ239"/>
    <mergeCell ref="F243:I243"/>
    <mergeCell ref="H90:S90"/>
    <mergeCell ref="AE90:AG90"/>
    <mergeCell ref="D80:G96"/>
    <mergeCell ref="BD82:BJ85"/>
    <mergeCell ref="BD86:BJ86"/>
    <mergeCell ref="BE88:BH88"/>
    <mergeCell ref="AK90:BC90"/>
    <mergeCell ref="G167:L167"/>
    <mergeCell ref="G170:K170"/>
    <mergeCell ref="G171:K171"/>
    <mergeCell ref="G172:K172"/>
    <mergeCell ref="G173:I173"/>
    <mergeCell ref="K173:L173"/>
    <mergeCell ref="AS166:AT166"/>
    <mergeCell ref="AI165:AJ165"/>
    <mergeCell ref="AI166:AJ166"/>
    <mergeCell ref="AQ165:AR165"/>
    <mergeCell ref="AQ166:AR166"/>
    <mergeCell ref="D143:H144"/>
    <mergeCell ref="H80:S81"/>
    <mergeCell ref="AK321:AL321"/>
    <mergeCell ref="AK322:AL322"/>
    <mergeCell ref="AM322:AY322"/>
    <mergeCell ref="AM282:AR282"/>
    <mergeCell ref="H208:L208"/>
    <mergeCell ref="H196:L199"/>
    <mergeCell ref="D208:G208"/>
    <mergeCell ref="BG208:BJ208"/>
    <mergeCell ref="AN17:BI18"/>
    <mergeCell ref="E43:AI44"/>
    <mergeCell ref="A24:BN25"/>
    <mergeCell ref="A26:BN27"/>
    <mergeCell ref="Z23:AP23"/>
    <mergeCell ref="U166:V166"/>
    <mergeCell ref="U167:V167"/>
    <mergeCell ref="S167:T167"/>
    <mergeCell ref="S166:T166"/>
    <mergeCell ref="S165:T165"/>
    <mergeCell ref="U169:V169"/>
    <mergeCell ref="S169:T169"/>
    <mergeCell ref="U170:V170"/>
    <mergeCell ref="S170:T170"/>
    <mergeCell ref="F165:N165"/>
    <mergeCell ref="G166:L166"/>
    <mergeCell ref="BG164:BH164"/>
    <mergeCell ref="D174:E175"/>
    <mergeCell ref="AV113:AW113"/>
    <mergeCell ref="H34:BG34"/>
    <mergeCell ref="H35:BG35"/>
    <mergeCell ref="H36:BG36"/>
    <mergeCell ref="H37:BH37"/>
    <mergeCell ref="F56:BK57"/>
    <mergeCell ref="F55:BK55"/>
    <mergeCell ref="D54:O54"/>
    <mergeCell ref="H32:AJ33"/>
    <mergeCell ref="W155:BN155"/>
    <mergeCell ref="BF322:BH322"/>
    <mergeCell ref="D1:BN2"/>
    <mergeCell ref="A6:BN7"/>
    <mergeCell ref="AU10:AX11"/>
    <mergeCell ref="AY10:BA11"/>
    <mergeCell ref="BB10:BC11"/>
    <mergeCell ref="BD10:BF11"/>
    <mergeCell ref="BG10:BH11"/>
    <mergeCell ref="BI10:BK11"/>
    <mergeCell ref="BL10:BM11"/>
    <mergeCell ref="D12:AA13"/>
    <mergeCell ref="AF15:AM16"/>
    <mergeCell ref="AF17:AM18"/>
    <mergeCell ref="AF19:AM20"/>
    <mergeCell ref="AF21:AM22"/>
    <mergeCell ref="AN15:BN16"/>
    <mergeCell ref="AN19:BN20"/>
    <mergeCell ref="AN21:BN22"/>
    <mergeCell ref="U21:Y22"/>
    <mergeCell ref="AF12:AM12"/>
    <mergeCell ref="Z14:AP14"/>
    <mergeCell ref="U15:Y16"/>
    <mergeCell ref="U17:Y18"/>
    <mergeCell ref="U19:Y20"/>
    <mergeCell ref="AF9:AM9"/>
    <mergeCell ref="BJ17:BN18"/>
    <mergeCell ref="BI164:BJ164"/>
    <mergeCell ref="S164:T164"/>
    <mergeCell ref="AA164:AB164"/>
    <mergeCell ref="AI164:AJ164"/>
    <mergeCell ref="AQ164:AR164"/>
    <mergeCell ref="AY164:AZ164"/>
    <mergeCell ref="AB235:AC235"/>
    <mergeCell ref="AF235:AG235"/>
    <mergeCell ref="O164:P164"/>
    <mergeCell ref="W164:Y164"/>
    <mergeCell ref="AE164:AF164"/>
    <mergeCell ref="AM164:AO164"/>
    <mergeCell ref="AU164:AV164"/>
    <mergeCell ref="BC164:BE164"/>
    <mergeCell ref="U164:V164"/>
    <mergeCell ref="AC164:AD164"/>
    <mergeCell ref="AK164:AL164"/>
    <mergeCell ref="AS164:AT164"/>
    <mergeCell ref="BA164:BB164"/>
    <mergeCell ref="AE165:AG165"/>
    <mergeCell ref="AE166:AG166"/>
    <mergeCell ref="AM165:AO165"/>
    <mergeCell ref="AM166:AO166"/>
    <mergeCell ref="AE167:AF167"/>
    <mergeCell ref="O169:Q169"/>
    <mergeCell ref="O170:Q170"/>
    <mergeCell ref="U165:V165"/>
    <mergeCell ref="AM231:AR231"/>
    <mergeCell ref="H225:L228"/>
    <mergeCell ref="BG225:BJ228"/>
    <mergeCell ref="F203:BJ204"/>
    <mergeCell ref="H217:L220"/>
    <mergeCell ref="BG217:BJ220"/>
    <mergeCell ref="H213:L216"/>
    <mergeCell ref="AK167:AL167"/>
    <mergeCell ref="AM167:AN167"/>
    <mergeCell ref="AS167:AT167"/>
    <mergeCell ref="AK165:AL165"/>
    <mergeCell ref="AK166:AL166"/>
    <mergeCell ref="AS165:AT165"/>
    <mergeCell ref="AY243:AZ243"/>
    <mergeCell ref="AB236:AI236"/>
    <mergeCell ref="AM236:AO236"/>
    <mergeCell ref="AT236:AY236"/>
    <mergeCell ref="BC236:BE236"/>
    <mergeCell ref="F241:G241"/>
    <mergeCell ref="K241:L241"/>
    <mergeCell ref="M241:N241"/>
    <mergeCell ref="S241:T241"/>
    <mergeCell ref="Z241:AA241"/>
    <mergeCell ref="AB241:AC241"/>
    <mergeCell ref="L240:M240"/>
    <mergeCell ref="AP240:AQ240"/>
    <mergeCell ref="AH241:AI241"/>
    <mergeCell ref="AO241:AP241"/>
    <mergeCell ref="AQ241:AR241"/>
    <mergeCell ref="AX241:AY241"/>
    <mergeCell ref="O166:Q166"/>
    <mergeCell ref="O167:R167"/>
    <mergeCell ref="O168:Q168"/>
    <mergeCell ref="G245:L245"/>
    <mergeCell ref="O245:Q245"/>
    <mergeCell ref="S245:T245"/>
    <mergeCell ref="U245:V245"/>
    <mergeCell ref="W245:Y245"/>
    <mergeCell ref="AA245:AB245"/>
    <mergeCell ref="AC245:AD245"/>
    <mergeCell ref="AE245:AG245"/>
    <mergeCell ref="AI245:AJ245"/>
    <mergeCell ref="BG241:BH241"/>
    <mergeCell ref="BE241:BF241"/>
    <mergeCell ref="BF240:BG240"/>
    <mergeCell ref="F244:N244"/>
    <mergeCell ref="O244:Q244"/>
    <mergeCell ref="S244:T244"/>
    <mergeCell ref="U244:V244"/>
    <mergeCell ref="W244:Y244"/>
    <mergeCell ref="AA244:AB244"/>
    <mergeCell ref="AC244:AD244"/>
    <mergeCell ref="AE244:AG244"/>
    <mergeCell ref="AI244:AJ244"/>
    <mergeCell ref="AK244:AL244"/>
    <mergeCell ref="AM244:AO244"/>
    <mergeCell ref="AQ244:AR244"/>
    <mergeCell ref="AS244:AT244"/>
    <mergeCell ref="AE243:AF243"/>
    <mergeCell ref="AI243:AJ243"/>
    <mergeCell ref="AK243:AL243"/>
    <mergeCell ref="AM243:AO243"/>
    <mergeCell ref="AQ243:AR243"/>
    <mergeCell ref="AS243:AT243"/>
    <mergeCell ref="AU243:AV243"/>
    <mergeCell ref="AS246:AT246"/>
    <mergeCell ref="O247:Q247"/>
    <mergeCell ref="W247:Y247"/>
    <mergeCell ref="O248:Q248"/>
    <mergeCell ref="S248:T248"/>
    <mergeCell ref="U248:V248"/>
    <mergeCell ref="W248:Y248"/>
    <mergeCell ref="AA248:AB248"/>
    <mergeCell ref="AC248:AD248"/>
    <mergeCell ref="G246:L246"/>
    <mergeCell ref="O246:R246"/>
    <mergeCell ref="S246:T246"/>
    <mergeCell ref="U246:V246"/>
    <mergeCell ref="W246:Z246"/>
    <mergeCell ref="AA246:AB246"/>
    <mergeCell ref="AC246:AD246"/>
    <mergeCell ref="AE246:AF246"/>
    <mergeCell ref="AK246:AL246"/>
    <mergeCell ref="F247:N248"/>
    <mergeCell ref="AG247:AJ247"/>
    <mergeCell ref="AO247:AR247"/>
    <mergeCell ref="BG315:BH315"/>
    <mergeCell ref="BG316:BH316"/>
    <mergeCell ref="BG317:BH317"/>
    <mergeCell ref="BG318:BH318"/>
    <mergeCell ref="BG319:BH319"/>
    <mergeCell ref="BC318:BF318"/>
    <mergeCell ref="AO319:AP319"/>
    <mergeCell ref="AZ319:BA319"/>
    <mergeCell ref="BF321:BH321"/>
    <mergeCell ref="BF320:BH320"/>
    <mergeCell ref="G251:K251"/>
    <mergeCell ref="G252:I252"/>
    <mergeCell ref="K252:L252"/>
    <mergeCell ref="O243:P243"/>
    <mergeCell ref="S243:T243"/>
    <mergeCell ref="U243:V243"/>
    <mergeCell ref="W243:Y243"/>
    <mergeCell ref="AA243:AB243"/>
    <mergeCell ref="AC243:AD243"/>
    <mergeCell ref="G249:K249"/>
    <mergeCell ref="O249:Q249"/>
    <mergeCell ref="S249:T249"/>
    <mergeCell ref="U249:V249"/>
    <mergeCell ref="W249:Y249"/>
    <mergeCell ref="AA249:AB249"/>
    <mergeCell ref="AC249:AD249"/>
    <mergeCell ref="G250:K250"/>
    <mergeCell ref="O250:P250"/>
    <mergeCell ref="U250:V250"/>
    <mergeCell ref="W250:X250"/>
    <mergeCell ref="AC250:AD250"/>
    <mergeCell ref="AM246:AN246"/>
  </mergeCells>
  <phoneticPr fontId="1"/>
  <pageMargins left="0.35433070866141736" right="0.19685039370078741" top="0.39370078740157483" bottom="0.23622047244094491" header="0" footer="0.15748031496062992"/>
  <pageSetup paperSize="9" scale="89" orientation="portrait" cellComments="asDisplayed" r:id="rId1"/>
  <headerFooter alignWithMargins="0">
    <oddFooter>&amp;C&amp;P</oddFooter>
  </headerFooter>
  <rowBreaks count="8" manualBreakCount="8">
    <brk id="60" max="65" man="1"/>
    <brk id="101" max="65" man="1"/>
    <brk id="149" max="65" man="1"/>
    <brk id="205" max="65" man="1"/>
    <brk id="255" max="65" man="1"/>
    <brk id="313" max="65" man="1"/>
    <brk id="328" max="65" man="1"/>
    <brk id="350" max="65"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4E67300FD87EDD4E8E7BD16BB201319B" ma:contentTypeVersion="0" ma:contentTypeDescription="新しいドキュメントを作成します。" ma:contentTypeScope="" ma:versionID="53ea1a30af54061f49e98131f6666ed7">
  <xsd:schema xmlns:xsd="http://www.w3.org/2001/XMLSchema" xmlns:p="http://schemas.microsoft.com/office/2006/metadata/properties" targetNamespace="http://schemas.microsoft.com/office/2006/metadata/properties" ma:root="true" ma:fieldsID="f4cff559f9a06213828a8956bc5bb22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79DE105-85F2-49A3-810E-F0DC0D2DB918}">
  <ds:schemaRefs>
    <ds:schemaRef ds:uri="http://www.w3.org/XML/1998/namespace"/>
    <ds:schemaRef ds:uri="http://purl.org/dc/terms/"/>
    <ds:schemaRef ds:uri="http://purl.org/dc/elements/1.1/"/>
    <ds:schemaRef ds:uri="http://schemas.microsoft.com/office/2006/documentManagement/types"/>
    <ds:schemaRef ds:uri="http://schemas.openxmlformats.org/package/2006/metadata/core-properties"/>
    <ds:schemaRef ds:uri="http://schemas.microsoft.com/office/2006/metadata/properties"/>
    <ds:schemaRef ds:uri="http://purl.org/dc/dcmitype/"/>
    <ds:schemaRef ds:uri="http://schemas.microsoft.com/office/infopath/2007/PartnerControls"/>
  </ds:schemaRefs>
</ds:datastoreItem>
</file>

<file path=customXml/itemProps2.xml><?xml version="1.0" encoding="utf-8"?>
<ds:datastoreItem xmlns:ds="http://schemas.openxmlformats.org/officeDocument/2006/customXml" ds:itemID="{6D93C2AB-24AD-4633-8158-0CDC932BCD9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4FA1AD8F-2C1A-4CA6-A925-B4EBE2117B9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第１号－１（設置届）</vt:lpstr>
      <vt:lpstr>'様式第１号－１（設置届）'!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本省</dc:creator>
  <cp:lastModifiedBy>Administrator</cp:lastModifiedBy>
  <cp:lastPrinted>2016-10-04T00:49:42Z</cp:lastPrinted>
  <dcterms:created xsi:type="dcterms:W3CDTF">2005-03-28T07:13:13Z</dcterms:created>
  <dcterms:modified xsi:type="dcterms:W3CDTF">2020-07-02T10:25:07Z</dcterms:modified>
</cp:coreProperties>
</file>